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328"/>
  <workbookPr codeName="ThisWorkbook"/>
  <mc:AlternateContent xmlns:mc="http://schemas.openxmlformats.org/markup-compatibility/2006">
    <mc:Choice Requires="x15">
      <x15ac:absPath xmlns:x15ac="http://schemas.microsoft.com/office/spreadsheetml/2010/11/ac" url="Z:\◎管財契約係\契約関係\009 業務委託\業務委託（水道）\R08\D002配水池健全度診断業務委託\HP掲載用\"/>
    </mc:Choice>
  </mc:AlternateContent>
  <xr:revisionPtr revIDLastSave="0" documentId="13_ncr:1_{4E94F680-BB1A-47B2-8898-4C354B9B8C77}" xr6:coauthVersionLast="47" xr6:coauthVersionMax="47" xr10:uidLastSave="{00000000-0000-0000-0000-000000000000}"/>
  <bookViews>
    <workbookView xWindow="-120" yWindow="-120" windowWidth="29040" windowHeight="15720" tabRatio="914" xr2:uid="{00000000-000D-0000-FFFF-FFFF00000000}"/>
  </bookViews>
  <sheets>
    <sheet name="表紙" sheetId="4" r:id="rId1"/>
    <sheet name="内訳書（設計業務）" sheetId="36" r:id="rId2"/>
    <sheet name="内訳書" sheetId="35" r:id="rId3"/>
    <sheet name="明細書（設計協議）" sheetId="12" r:id="rId4"/>
    <sheet name="明細書（現場調査）" sheetId="14" r:id="rId5"/>
    <sheet name="明細書" sheetId="49" r:id="rId6"/>
    <sheet name="配水池設計" sheetId="4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</externalReferences>
  <definedNames>
    <definedName name="_" localSheetId="6">#REF!</definedName>
    <definedName name="_">#REF!</definedName>
    <definedName name="_____________d2" localSheetId="6">[1]!ピクチャ5_Click</definedName>
    <definedName name="_____________d2" localSheetId="5">[1]!ピクチャ5_Click</definedName>
    <definedName name="_____________d2">[1]!ピクチャ5_Click</definedName>
    <definedName name="____________d2" localSheetId="6">[2]!ピクチャ5_Click</definedName>
    <definedName name="____________d2" localSheetId="5">[2]!ピクチャ5_Click</definedName>
    <definedName name="____________d2">[2]!ピクチャ5_Click</definedName>
    <definedName name="___________d2" localSheetId="6">[2]!ピクチャ5_Click</definedName>
    <definedName name="___________d2" localSheetId="5">[2]!ピクチャ5_Click</definedName>
    <definedName name="___________d2">[2]!ピクチャ5_Click</definedName>
    <definedName name="__________d2" localSheetId="6">[2]!ピクチャ5_Click</definedName>
    <definedName name="__________d2" localSheetId="5">[2]!ピクチャ5_Click</definedName>
    <definedName name="__________d2">[2]!ピクチャ5_Click</definedName>
    <definedName name="_________d2" localSheetId="6">[2]!ピクチャ5_Click</definedName>
    <definedName name="_________d2" localSheetId="5">[2]!ピクチャ5_Click</definedName>
    <definedName name="_________d2">[2]!ピクチャ5_Click</definedName>
    <definedName name="________d2" localSheetId="6">[2]!ピクチャ5_Click</definedName>
    <definedName name="________d2" localSheetId="5">[2]!ピクチャ5_Click</definedName>
    <definedName name="________d2">[2]!ピクチャ5_Click</definedName>
    <definedName name="_______d2" localSheetId="6">[2]!ピクチャ5_Click</definedName>
    <definedName name="_______d2" localSheetId="5">[2]!ピクチャ5_Click</definedName>
    <definedName name="_______d2">[2]!ピクチャ5_Click</definedName>
    <definedName name="_______RE2" localSheetId="6">#REF!</definedName>
    <definedName name="_______RE2">#REF!</definedName>
    <definedName name="_______SUB2" localSheetId="6">#REF!</definedName>
    <definedName name="_______SUB2">#REF!</definedName>
    <definedName name="_______SUB3" localSheetId="6">#REF!</definedName>
    <definedName name="_______SUB3">#REF!</definedName>
    <definedName name="_______SUB4" localSheetId="6">#REF!</definedName>
    <definedName name="_______SUB4">#REF!</definedName>
    <definedName name="______d2" localSheetId="6">[2]!ピクチャ5_Click</definedName>
    <definedName name="______d2" localSheetId="5">[2]!ピクチャ5_Click</definedName>
    <definedName name="______d2">[2]!ピクチャ5_Click</definedName>
    <definedName name="______RE2" localSheetId="6">#REF!</definedName>
    <definedName name="______RE2">#REF!</definedName>
    <definedName name="______SUB2" localSheetId="6">#REF!</definedName>
    <definedName name="______SUB2">#REF!</definedName>
    <definedName name="______SUB3" localSheetId="6">#REF!</definedName>
    <definedName name="______SUB3">#REF!</definedName>
    <definedName name="______SUB4" localSheetId="6">#REF!</definedName>
    <definedName name="______SUB4">#REF!</definedName>
    <definedName name="_____d2" localSheetId="6">[2]!ピクチャ5_Click</definedName>
    <definedName name="_____d2" localSheetId="5">[2]!ピクチャ5_Click</definedName>
    <definedName name="_____d2">[2]!ピクチャ5_Click</definedName>
    <definedName name="_____RE2" localSheetId="6">#REF!</definedName>
    <definedName name="_____RE2">#REF!</definedName>
    <definedName name="_____SUB2" localSheetId="6">#REF!</definedName>
    <definedName name="_____SUB2">#REF!</definedName>
    <definedName name="_____SUB3" localSheetId="6">#REF!</definedName>
    <definedName name="_____SUB3">#REF!</definedName>
    <definedName name="_____SUB4" localSheetId="6">#REF!</definedName>
    <definedName name="_____SUB4">#REF!</definedName>
    <definedName name="____BOX01" localSheetId="6">#REF!</definedName>
    <definedName name="____BOX01">#REF!</definedName>
    <definedName name="____BOX02" localSheetId="6">#REF!</definedName>
    <definedName name="____BOX02">#REF!</definedName>
    <definedName name="____BOX03" localSheetId="6">#REF!</definedName>
    <definedName name="____BOX03">#REF!</definedName>
    <definedName name="____BUN2">[3]歩・屋!$E$5:$T$16</definedName>
    <definedName name="____d2" localSheetId="6">[2]!ピクチャ5_Click</definedName>
    <definedName name="____d2" localSheetId="5">[2]!ピクチャ5_Click</definedName>
    <definedName name="____d2">[2]!ピクチャ5_Click</definedName>
    <definedName name="____RE2" localSheetId="6">#REF!</definedName>
    <definedName name="____RE2">#REF!</definedName>
    <definedName name="____SON1" localSheetId="6">#REF!</definedName>
    <definedName name="____SON1">#REF!</definedName>
    <definedName name="____son2" localSheetId="6">#REF!</definedName>
    <definedName name="____son2">#REF!</definedName>
    <definedName name="____SON3" localSheetId="6">#REF!</definedName>
    <definedName name="____SON3">#REF!</definedName>
    <definedName name="____SUB2" localSheetId="6">#REF!</definedName>
    <definedName name="____SUB2">#REF!</definedName>
    <definedName name="____SUB3" localSheetId="6">#REF!</definedName>
    <definedName name="____SUB3">#REF!</definedName>
    <definedName name="____SUB4" localSheetId="6">#REF!</definedName>
    <definedName name="____SUB4">#REF!</definedName>
    <definedName name="____tan1" localSheetId="6">#REF!</definedName>
    <definedName name="____tan1">#REF!</definedName>
    <definedName name="____tan2" localSheetId="6">#REF!</definedName>
    <definedName name="____tan2">#REF!</definedName>
    <definedName name="____tan3" localSheetId="6">#REF!</definedName>
    <definedName name="____tan3">#REF!</definedName>
    <definedName name="___A1" localSheetId="6">'[4]#REF'!#REF!</definedName>
    <definedName name="___A1">'[4]#REF'!#REF!</definedName>
    <definedName name="___ｂ９" localSheetId="6">#REF!</definedName>
    <definedName name="___ｂ９">#REF!</definedName>
    <definedName name="___BOX01" localSheetId="6">#REF!</definedName>
    <definedName name="___BOX01">#REF!</definedName>
    <definedName name="___BOX02" localSheetId="6">#REF!</definedName>
    <definedName name="___BOX02">#REF!</definedName>
    <definedName name="___BOX03" localSheetId="6">#REF!</definedName>
    <definedName name="___BOX03">#REF!</definedName>
    <definedName name="___BUN2">[3]歩・屋!$E$5:$T$16</definedName>
    <definedName name="___d2" localSheetId="6">[2]!ピクチャ5_Click</definedName>
    <definedName name="___d2" localSheetId="5">[2]!ピクチャ5_Click</definedName>
    <definedName name="___d2">[2]!ピクチャ5_Click</definedName>
    <definedName name="___N10" localSheetId="6">#REF!</definedName>
    <definedName name="___N10">#REF!</definedName>
    <definedName name="___N11" localSheetId="6">#REF!</definedName>
    <definedName name="___N11">#REF!</definedName>
    <definedName name="___N12" localSheetId="6">#REF!</definedName>
    <definedName name="___N12">#REF!</definedName>
    <definedName name="___N13" localSheetId="6">#REF!</definedName>
    <definedName name="___N13">#REF!</definedName>
    <definedName name="___N14" localSheetId="6">#REF!</definedName>
    <definedName name="___N14">#REF!</definedName>
    <definedName name="___N15" localSheetId="6">#REF!</definedName>
    <definedName name="___N15">#REF!</definedName>
    <definedName name="___N16" localSheetId="6">#REF!</definedName>
    <definedName name="___N16">#REF!</definedName>
    <definedName name="___N17" localSheetId="6">#REF!</definedName>
    <definedName name="___N17">#REF!</definedName>
    <definedName name="___N18" localSheetId="6">#REF!</definedName>
    <definedName name="___N18">#REF!</definedName>
    <definedName name="___N19" localSheetId="6">#REF!</definedName>
    <definedName name="___N19">#REF!</definedName>
    <definedName name="___N20" localSheetId="6">#REF!</definedName>
    <definedName name="___N20">#REF!</definedName>
    <definedName name="___N21" localSheetId="6">#REF!</definedName>
    <definedName name="___N21">#REF!</definedName>
    <definedName name="___N22" localSheetId="6">#REF!</definedName>
    <definedName name="___N22">#REF!</definedName>
    <definedName name="___N23" localSheetId="6">#REF!</definedName>
    <definedName name="___N23">#REF!</definedName>
    <definedName name="___N24" localSheetId="6">#REF!</definedName>
    <definedName name="___N24">#REF!</definedName>
    <definedName name="___N25" localSheetId="6">#REF!</definedName>
    <definedName name="___N25">#REF!</definedName>
    <definedName name="___N26" localSheetId="6">#REF!</definedName>
    <definedName name="___N26">#REF!</definedName>
    <definedName name="___N27" localSheetId="6">#REF!</definedName>
    <definedName name="___N27">#REF!</definedName>
    <definedName name="___N28" localSheetId="6">#REF!</definedName>
    <definedName name="___N28">#REF!</definedName>
    <definedName name="___N29" localSheetId="6">#REF!</definedName>
    <definedName name="___N29">#REF!</definedName>
    <definedName name="___N30" localSheetId="6">#REF!</definedName>
    <definedName name="___N30">#REF!</definedName>
    <definedName name="___N31" localSheetId="6">#REF!</definedName>
    <definedName name="___N31">#REF!</definedName>
    <definedName name="___N32" localSheetId="6">#REF!</definedName>
    <definedName name="___N32">#REF!</definedName>
    <definedName name="___N33" localSheetId="6">#REF!</definedName>
    <definedName name="___N33">#REF!</definedName>
    <definedName name="___N34" localSheetId="6">#REF!</definedName>
    <definedName name="___N34">#REF!</definedName>
    <definedName name="___N5" localSheetId="6">#REF!</definedName>
    <definedName name="___N5">#REF!</definedName>
    <definedName name="___N6" localSheetId="6">#REF!</definedName>
    <definedName name="___N6">#REF!</definedName>
    <definedName name="___N7" localSheetId="6">#REF!</definedName>
    <definedName name="___N7">#REF!</definedName>
    <definedName name="___N8" localSheetId="6">#REF!</definedName>
    <definedName name="___N8">#REF!</definedName>
    <definedName name="___N9" localSheetId="6">#REF!</definedName>
    <definedName name="___N9">#REF!</definedName>
    <definedName name="___RE2" localSheetId="6">#REF!</definedName>
    <definedName name="___RE2">#REF!</definedName>
    <definedName name="___SON1" localSheetId="6">#REF!</definedName>
    <definedName name="___SON1">#REF!</definedName>
    <definedName name="___son2" localSheetId="6">#REF!</definedName>
    <definedName name="___son2">#REF!</definedName>
    <definedName name="___SON3" localSheetId="6">#REF!</definedName>
    <definedName name="___SON3">#REF!</definedName>
    <definedName name="___SUB2" localSheetId="6">#REF!</definedName>
    <definedName name="___SUB2">#REF!</definedName>
    <definedName name="___SUB3" localSheetId="6">#REF!</definedName>
    <definedName name="___SUB3">#REF!</definedName>
    <definedName name="___SUB4" localSheetId="6">#REF!</definedName>
    <definedName name="___SUB4">#REF!</definedName>
    <definedName name="___tan1" localSheetId="6">#REF!</definedName>
    <definedName name="___tan1">#REF!</definedName>
    <definedName name="___tan2" localSheetId="6">#REF!</definedName>
    <definedName name="___tan2">#REF!</definedName>
    <definedName name="___tan3" localSheetId="6">#REF!</definedName>
    <definedName name="___tan3">#REF!</definedName>
    <definedName name="___V1" localSheetId="6">#REF!</definedName>
    <definedName name="___V1">#REF!</definedName>
    <definedName name="___V10" localSheetId="6">#REF!</definedName>
    <definedName name="___V10">#REF!</definedName>
    <definedName name="___V11" localSheetId="6">#REF!</definedName>
    <definedName name="___V11">#REF!</definedName>
    <definedName name="___V12" localSheetId="6">#REF!</definedName>
    <definedName name="___V12">#REF!</definedName>
    <definedName name="___V13" localSheetId="6">#REF!</definedName>
    <definedName name="___V13">#REF!</definedName>
    <definedName name="___V14" localSheetId="6">#REF!</definedName>
    <definedName name="___V14">#REF!</definedName>
    <definedName name="___V15" localSheetId="6">#REF!</definedName>
    <definedName name="___V15">#REF!</definedName>
    <definedName name="___V16" localSheetId="6">#REF!</definedName>
    <definedName name="___V16">#REF!</definedName>
    <definedName name="___V17" localSheetId="6">#REF!</definedName>
    <definedName name="___V17">#REF!</definedName>
    <definedName name="___V18" localSheetId="6">#REF!</definedName>
    <definedName name="___V18">#REF!</definedName>
    <definedName name="___V19" localSheetId="6">#REF!</definedName>
    <definedName name="___V19">#REF!</definedName>
    <definedName name="___V2" localSheetId="6">#REF!</definedName>
    <definedName name="___V2">#REF!</definedName>
    <definedName name="___V20" localSheetId="6">#REF!</definedName>
    <definedName name="___V20">#REF!</definedName>
    <definedName name="___V21" localSheetId="6">#REF!</definedName>
    <definedName name="___V21">#REF!</definedName>
    <definedName name="___V22" localSheetId="6">#REF!</definedName>
    <definedName name="___V22">#REF!</definedName>
    <definedName name="___V23" localSheetId="6">#REF!</definedName>
    <definedName name="___V23">#REF!</definedName>
    <definedName name="___V24" localSheetId="6">#REF!</definedName>
    <definedName name="___V24">#REF!</definedName>
    <definedName name="___V25" localSheetId="6">#REF!</definedName>
    <definedName name="___V25">#REF!</definedName>
    <definedName name="___V26" localSheetId="6">#REF!</definedName>
    <definedName name="___V26">#REF!</definedName>
    <definedName name="___V27" localSheetId="6">#REF!</definedName>
    <definedName name="___V27">#REF!</definedName>
    <definedName name="___V28" localSheetId="6">#REF!</definedName>
    <definedName name="___V28">#REF!</definedName>
    <definedName name="___V29" localSheetId="6">#REF!</definedName>
    <definedName name="___V29">#REF!</definedName>
    <definedName name="___V30" localSheetId="6">#REF!</definedName>
    <definedName name="___V30">#REF!</definedName>
    <definedName name="___V31" localSheetId="6">#REF!</definedName>
    <definedName name="___V31">#REF!</definedName>
    <definedName name="___V32" localSheetId="6">#REF!</definedName>
    <definedName name="___V32">#REF!</definedName>
    <definedName name="___V33" localSheetId="6">#REF!</definedName>
    <definedName name="___V33">#REF!</definedName>
    <definedName name="___V34" localSheetId="6">#REF!</definedName>
    <definedName name="___V34">#REF!</definedName>
    <definedName name="___V35" localSheetId="6">#REF!</definedName>
    <definedName name="___V35">#REF!</definedName>
    <definedName name="___V36" localSheetId="6">#REF!</definedName>
    <definedName name="___V36">#REF!</definedName>
    <definedName name="___V37" localSheetId="6">#REF!</definedName>
    <definedName name="___V37">#REF!</definedName>
    <definedName name="___V38" localSheetId="6">#REF!</definedName>
    <definedName name="___V38">#REF!</definedName>
    <definedName name="___V5" localSheetId="6">#REF!</definedName>
    <definedName name="___V5">#REF!</definedName>
    <definedName name="___V6" localSheetId="6">#REF!</definedName>
    <definedName name="___V6">#REF!</definedName>
    <definedName name="___V7" localSheetId="6">#REF!</definedName>
    <definedName name="___V7">#REF!</definedName>
    <definedName name="___V8" localSheetId="6">#REF!</definedName>
    <definedName name="___V8">#REF!</definedName>
    <definedName name="___V9" localSheetId="6">#REF!</definedName>
    <definedName name="___V9">#REF!</definedName>
    <definedName name="__1" localSheetId="6">#REF!</definedName>
    <definedName name="__1">#REF!</definedName>
    <definedName name="__10" localSheetId="6">#REF!</definedName>
    <definedName name="__10">#REF!</definedName>
    <definedName name="__11" localSheetId="6">#REF!</definedName>
    <definedName name="__11">#REF!</definedName>
    <definedName name="__12" localSheetId="6">#REF!</definedName>
    <definedName name="__12">#REF!</definedName>
    <definedName name="__123Graph_A" localSheetId="6" hidden="1">[5]工程算出!#REF!</definedName>
    <definedName name="__123Graph_A" hidden="1">[5]工程算出!#REF!</definedName>
    <definedName name="__123Graph_A外装" localSheetId="6" hidden="1">[6]仮設躯体!#REF!</definedName>
    <definedName name="__123Graph_A外装" hidden="1">[6]仮設躯体!#REF!</definedName>
    <definedName name="__123Graph_A躯体" localSheetId="6" hidden="1">[6]仮設躯体!#REF!</definedName>
    <definedName name="__123Graph_A躯体" hidden="1">[6]仮設躯体!#REF!</definedName>
    <definedName name="__123Graph_A建築" localSheetId="6" hidden="1">[6]仮設躯体!#REF!</definedName>
    <definedName name="__123Graph_A建築" hidden="1">[6]仮設躯体!#REF!</definedName>
    <definedName name="__123Graph_A室内" localSheetId="6" hidden="1">[6]仮設躯体!#REF!</definedName>
    <definedName name="__123Graph_A室内" hidden="1">[6]仮設躯体!#REF!</definedName>
    <definedName name="__123Graph_A土工" localSheetId="6" hidden="1">[6]仮設躯体!#REF!</definedName>
    <definedName name="__123Graph_A土工" hidden="1">[6]仮設躯体!#REF!</definedName>
    <definedName name="__123Graph_A内装" localSheetId="6" hidden="1">[6]仮設躯体!#REF!</definedName>
    <definedName name="__123Graph_A内装" hidden="1">[6]仮設躯体!#REF!</definedName>
    <definedName name="__123Graph_B" localSheetId="6" hidden="1">#REF!</definedName>
    <definedName name="__123Graph_B" hidden="1">#REF!</definedName>
    <definedName name="__123Graph_LBL_A" localSheetId="6" hidden="1">[5]工程算出!#REF!</definedName>
    <definedName name="__123Graph_LBL_A" hidden="1">[5]工程算出!#REF!</definedName>
    <definedName name="__123Graph_X" localSheetId="6" hidden="1">[5]工程算出!#REF!</definedName>
    <definedName name="__123Graph_X" hidden="1">[5]工程算出!#REF!</definedName>
    <definedName name="__123Graph_X外装" localSheetId="6" hidden="1">[6]仮設躯体!#REF!</definedName>
    <definedName name="__123Graph_X外装" hidden="1">[6]仮設躯体!#REF!</definedName>
    <definedName name="__123Graph_X躯体" localSheetId="6" hidden="1">[6]仮設躯体!#REF!</definedName>
    <definedName name="__123Graph_X躯体" hidden="1">[6]仮設躯体!#REF!</definedName>
    <definedName name="__123Graph_X建築" localSheetId="6" hidden="1">[6]仮設躯体!#REF!</definedName>
    <definedName name="__123Graph_X建築" hidden="1">[6]仮設躯体!#REF!</definedName>
    <definedName name="__123Graph_X室内" localSheetId="6" hidden="1">[6]仮設躯体!#REF!</definedName>
    <definedName name="__123Graph_X室内" hidden="1">[6]仮設躯体!#REF!</definedName>
    <definedName name="__123Graph_X土工" localSheetId="6" hidden="1">[6]仮設躯体!#REF!</definedName>
    <definedName name="__123Graph_X土工" hidden="1">[6]仮設躯体!#REF!</definedName>
    <definedName name="__123Graph_X内装" localSheetId="6" hidden="1">[6]仮設躯体!#REF!</definedName>
    <definedName name="__123Graph_X内装" hidden="1">[6]仮設躯体!#REF!</definedName>
    <definedName name="__2" localSheetId="6">#REF!</definedName>
    <definedName name="__2">#REF!</definedName>
    <definedName name="__3" localSheetId="6">#REF!</definedName>
    <definedName name="__3">#REF!</definedName>
    <definedName name="__4" localSheetId="6">#REF!</definedName>
    <definedName name="__4">#REF!</definedName>
    <definedName name="__5" localSheetId="6">#REF!</definedName>
    <definedName name="__5">#REF!</definedName>
    <definedName name="__6" localSheetId="6">#REF!</definedName>
    <definedName name="__6">#REF!</definedName>
    <definedName name="__7" localSheetId="6">#REF!</definedName>
    <definedName name="__7">#REF!</definedName>
    <definedName name="__8" localSheetId="6">#REF!</definedName>
    <definedName name="__8">#REF!</definedName>
    <definedName name="__9" localSheetId="6">#REF!</definedName>
    <definedName name="__9">#REF!</definedName>
    <definedName name="__A1" localSheetId="6">#REF!</definedName>
    <definedName name="__A1">#REF!</definedName>
    <definedName name="__ｂ９" localSheetId="6">#REF!</definedName>
    <definedName name="__ｂ９">#REF!</definedName>
    <definedName name="__BOX01" localSheetId="6">#REF!</definedName>
    <definedName name="__BOX01">#REF!</definedName>
    <definedName name="__BOX02" localSheetId="6">#REF!</definedName>
    <definedName name="__BOX02">#REF!</definedName>
    <definedName name="__BOX03" localSheetId="6">#REF!</definedName>
    <definedName name="__BOX03">#REF!</definedName>
    <definedName name="__BUN2">[3]歩・屋!$E$5:$T$16</definedName>
    <definedName name="__d2" localSheetId="6">[2]!ピクチャ5_Click</definedName>
    <definedName name="__d2" localSheetId="5">[2]!ピクチャ5_Click</definedName>
    <definedName name="__d2">[2]!ピクチャ5_Click</definedName>
    <definedName name="__N10" localSheetId="6">#REF!</definedName>
    <definedName name="__N10">#REF!</definedName>
    <definedName name="__N11" localSheetId="6">#REF!</definedName>
    <definedName name="__N11">#REF!</definedName>
    <definedName name="__N12" localSheetId="6">#REF!</definedName>
    <definedName name="__N12">#REF!</definedName>
    <definedName name="__N13" localSheetId="6">#REF!</definedName>
    <definedName name="__N13">#REF!</definedName>
    <definedName name="__N14" localSheetId="6">#REF!</definedName>
    <definedName name="__N14">#REF!</definedName>
    <definedName name="__N15" localSheetId="6">#REF!</definedName>
    <definedName name="__N15">#REF!</definedName>
    <definedName name="__N16" localSheetId="6">#REF!</definedName>
    <definedName name="__N16">#REF!</definedName>
    <definedName name="__N17" localSheetId="6">#REF!</definedName>
    <definedName name="__N17">#REF!</definedName>
    <definedName name="__N18" localSheetId="6">#REF!</definedName>
    <definedName name="__N18">#REF!</definedName>
    <definedName name="__N19" localSheetId="6">#REF!</definedName>
    <definedName name="__N19">#REF!</definedName>
    <definedName name="__N20" localSheetId="6">#REF!</definedName>
    <definedName name="__N20">#REF!</definedName>
    <definedName name="__N21" localSheetId="6">#REF!</definedName>
    <definedName name="__N21">#REF!</definedName>
    <definedName name="__N22" localSheetId="6">#REF!</definedName>
    <definedName name="__N22">#REF!</definedName>
    <definedName name="__N23" localSheetId="6">#REF!</definedName>
    <definedName name="__N23">#REF!</definedName>
    <definedName name="__N24" localSheetId="6">#REF!</definedName>
    <definedName name="__N24">#REF!</definedName>
    <definedName name="__N25" localSheetId="6">#REF!</definedName>
    <definedName name="__N25">#REF!</definedName>
    <definedName name="__N26" localSheetId="6">#REF!</definedName>
    <definedName name="__N26">#REF!</definedName>
    <definedName name="__N27" localSheetId="6">#REF!</definedName>
    <definedName name="__N27">#REF!</definedName>
    <definedName name="__N28" localSheetId="6">#REF!</definedName>
    <definedName name="__N28">#REF!</definedName>
    <definedName name="__N29" localSheetId="6">#REF!</definedName>
    <definedName name="__N29">#REF!</definedName>
    <definedName name="__N30" localSheetId="6">#REF!</definedName>
    <definedName name="__N30">#REF!</definedName>
    <definedName name="__N31" localSheetId="6">#REF!</definedName>
    <definedName name="__N31">#REF!</definedName>
    <definedName name="__N32" localSheetId="6">#REF!</definedName>
    <definedName name="__N32">#REF!</definedName>
    <definedName name="__N33" localSheetId="6">#REF!</definedName>
    <definedName name="__N33">#REF!</definedName>
    <definedName name="__N34" localSheetId="6">#REF!</definedName>
    <definedName name="__N34">#REF!</definedName>
    <definedName name="__N5" localSheetId="6">#REF!</definedName>
    <definedName name="__N5">#REF!</definedName>
    <definedName name="__N6" localSheetId="6">#REF!</definedName>
    <definedName name="__N6">#REF!</definedName>
    <definedName name="__N7" localSheetId="6">#REF!</definedName>
    <definedName name="__N7">#REF!</definedName>
    <definedName name="__N8" localSheetId="6">#REF!</definedName>
    <definedName name="__N8">#REF!</definedName>
    <definedName name="__N9" localSheetId="6">#REF!</definedName>
    <definedName name="__N9">#REF!</definedName>
    <definedName name="__RE2" localSheetId="6">#REF!</definedName>
    <definedName name="__RE2">#REF!</definedName>
    <definedName name="__SON1" localSheetId="6">#REF!</definedName>
    <definedName name="__SON1">#REF!</definedName>
    <definedName name="__son2" localSheetId="6">#REF!</definedName>
    <definedName name="__son2">#REF!</definedName>
    <definedName name="__SON3" localSheetId="6">#REF!</definedName>
    <definedName name="__SON3">#REF!</definedName>
    <definedName name="__SUB2" localSheetId="6">#REF!</definedName>
    <definedName name="__SUB2">#REF!</definedName>
    <definedName name="__SUB3" localSheetId="6">#REF!</definedName>
    <definedName name="__SUB3">#REF!</definedName>
    <definedName name="__SUB4" localSheetId="6">#REF!</definedName>
    <definedName name="__SUB4">#REF!</definedName>
    <definedName name="__tan1" localSheetId="6">#REF!</definedName>
    <definedName name="__tan1">#REF!</definedName>
    <definedName name="__tan2" localSheetId="6">#REF!</definedName>
    <definedName name="__tan2">#REF!</definedName>
    <definedName name="__tan3" localSheetId="6">#REF!</definedName>
    <definedName name="__tan3">#REF!</definedName>
    <definedName name="__V1" localSheetId="6">#REF!</definedName>
    <definedName name="__V1">#REF!</definedName>
    <definedName name="__V10" localSheetId="6">#REF!</definedName>
    <definedName name="__V10">#REF!</definedName>
    <definedName name="__V11" localSheetId="6">#REF!</definedName>
    <definedName name="__V11">#REF!</definedName>
    <definedName name="__V12" localSheetId="6">#REF!</definedName>
    <definedName name="__V12">#REF!</definedName>
    <definedName name="__V13" localSheetId="6">#REF!</definedName>
    <definedName name="__V13">#REF!</definedName>
    <definedName name="__V14" localSheetId="6">#REF!</definedName>
    <definedName name="__V14">#REF!</definedName>
    <definedName name="__V15" localSheetId="6">#REF!</definedName>
    <definedName name="__V15">#REF!</definedName>
    <definedName name="__V16" localSheetId="6">#REF!</definedName>
    <definedName name="__V16">#REF!</definedName>
    <definedName name="__V17" localSheetId="6">#REF!</definedName>
    <definedName name="__V17">#REF!</definedName>
    <definedName name="__V18" localSheetId="6">#REF!</definedName>
    <definedName name="__V18">#REF!</definedName>
    <definedName name="__V19" localSheetId="6">#REF!</definedName>
    <definedName name="__V19">#REF!</definedName>
    <definedName name="__V2" localSheetId="6">#REF!</definedName>
    <definedName name="__V2">#REF!</definedName>
    <definedName name="__V20" localSheetId="6">#REF!</definedName>
    <definedName name="__V20">#REF!</definedName>
    <definedName name="__V21" localSheetId="6">#REF!</definedName>
    <definedName name="__V21">#REF!</definedName>
    <definedName name="__V22" localSheetId="6">#REF!</definedName>
    <definedName name="__V22">#REF!</definedName>
    <definedName name="__V23" localSheetId="6">#REF!</definedName>
    <definedName name="__V23">#REF!</definedName>
    <definedName name="__V24" localSheetId="6">#REF!</definedName>
    <definedName name="__V24">#REF!</definedName>
    <definedName name="__V25" localSheetId="6">#REF!</definedName>
    <definedName name="__V25">#REF!</definedName>
    <definedName name="__V26" localSheetId="6">#REF!</definedName>
    <definedName name="__V26">#REF!</definedName>
    <definedName name="__V27" localSheetId="6">#REF!</definedName>
    <definedName name="__V27">#REF!</definedName>
    <definedName name="__V28" localSheetId="6">#REF!</definedName>
    <definedName name="__V28">#REF!</definedName>
    <definedName name="__V29" localSheetId="6">#REF!</definedName>
    <definedName name="__V29">#REF!</definedName>
    <definedName name="__V30" localSheetId="6">#REF!</definedName>
    <definedName name="__V30">#REF!</definedName>
    <definedName name="__V31" localSheetId="6">#REF!</definedName>
    <definedName name="__V31">#REF!</definedName>
    <definedName name="__V32" localSheetId="6">#REF!</definedName>
    <definedName name="__V32">#REF!</definedName>
    <definedName name="__V33" localSheetId="6">#REF!</definedName>
    <definedName name="__V33">#REF!</definedName>
    <definedName name="__V34" localSheetId="6">#REF!</definedName>
    <definedName name="__V34">#REF!</definedName>
    <definedName name="__V35" localSheetId="6">#REF!</definedName>
    <definedName name="__V35">#REF!</definedName>
    <definedName name="__V36" localSheetId="6">#REF!</definedName>
    <definedName name="__V36">#REF!</definedName>
    <definedName name="__V37" localSheetId="6">#REF!</definedName>
    <definedName name="__V37">#REF!</definedName>
    <definedName name="__V38" localSheetId="6">#REF!</definedName>
    <definedName name="__V38">#REF!</definedName>
    <definedName name="__V5" localSheetId="6">#REF!</definedName>
    <definedName name="__V5">#REF!</definedName>
    <definedName name="__V6" localSheetId="6">#REF!</definedName>
    <definedName name="__V6">#REF!</definedName>
    <definedName name="__V7" localSheetId="6">#REF!</definedName>
    <definedName name="__V7">#REF!</definedName>
    <definedName name="__V8" localSheetId="6">#REF!</definedName>
    <definedName name="__V8">#REF!</definedName>
    <definedName name="__V9" localSheetId="6">#REF!</definedName>
    <definedName name="__V9">#REF!</definedName>
    <definedName name="_1" localSheetId="6">#REF!</definedName>
    <definedName name="_1">#REF!</definedName>
    <definedName name="_10" localSheetId="6">#REF!</definedName>
    <definedName name="_10">#REF!</definedName>
    <definedName name="_1000" localSheetId="6">#REF!</definedName>
    <definedName name="_1000">#REF!</definedName>
    <definedName name="_1010" localSheetId="6">[7]見積01!#REF!</definedName>
    <definedName name="_1010">[7]見積01!#REF!</definedName>
    <definedName name="_1020" localSheetId="6">[7]見積01!#REF!</definedName>
    <definedName name="_1020">[7]見積01!#REF!</definedName>
    <definedName name="_11" localSheetId="6">#REF!</definedName>
    <definedName name="_11">#REF!</definedName>
    <definedName name="_111" localSheetId="6">#REF!</definedName>
    <definedName name="_111">#REF!</definedName>
    <definedName name="_111a" localSheetId="6">#REF!</definedName>
    <definedName name="_111a">#REF!</definedName>
    <definedName name="_116" localSheetId="6">#REF!</definedName>
    <definedName name="_116">#REF!</definedName>
    <definedName name="_116a" localSheetId="6">#REF!</definedName>
    <definedName name="_116a">#REF!</definedName>
    <definedName name="_117" localSheetId="6">#REF!</definedName>
    <definedName name="_117">#REF!</definedName>
    <definedName name="_117a" localSheetId="6">#REF!</definedName>
    <definedName name="_117a">#REF!</definedName>
    <definedName name="_118" localSheetId="6">#REF!</definedName>
    <definedName name="_118">#REF!</definedName>
    <definedName name="_118a" localSheetId="6">#REF!</definedName>
    <definedName name="_118a">#REF!</definedName>
    <definedName name="_119" localSheetId="6">#REF!</definedName>
    <definedName name="_119">#REF!</definedName>
    <definedName name="_119a" localSheetId="6">#REF!</definedName>
    <definedName name="_119a">#REF!</definedName>
    <definedName name="_11a" localSheetId="6">#REF!</definedName>
    <definedName name="_11a">#REF!</definedName>
    <definedName name="_12" localSheetId="6">#REF!</definedName>
    <definedName name="_12">#REF!</definedName>
    <definedName name="_120" localSheetId="6">#REF!</definedName>
    <definedName name="_120">#REF!</definedName>
    <definedName name="_120a" localSheetId="6">#REF!</definedName>
    <definedName name="_120a">#REF!</definedName>
    <definedName name="_121" localSheetId="6">#REF!</definedName>
    <definedName name="_121">#REF!</definedName>
    <definedName name="_121a" localSheetId="6">#REF!</definedName>
    <definedName name="_121a">#REF!</definedName>
    <definedName name="_122" localSheetId="6">#REF!</definedName>
    <definedName name="_122">#REF!</definedName>
    <definedName name="_122a" localSheetId="6">#REF!</definedName>
    <definedName name="_122a">#REF!</definedName>
    <definedName name="_123" localSheetId="6">#REF!</definedName>
    <definedName name="_123">#REF!</definedName>
    <definedName name="_123Gaaa_A" localSheetId="6" hidden="1">[8]Sheet2!#REF!</definedName>
    <definedName name="_123Gaaa_A" hidden="1">[8]Sheet2!#REF!</definedName>
    <definedName name="_123Graph" localSheetId="6" hidden="1">[8]Sheet2!#REF!</definedName>
    <definedName name="_123Graph" hidden="1">[8]Sheet2!#REF!</definedName>
    <definedName name="_13" localSheetId="6">[7]見積01!#REF!</definedName>
    <definedName name="_13">[7]見積01!#REF!</definedName>
    <definedName name="_14" localSheetId="6">[7]見積01!#REF!</definedName>
    <definedName name="_14">[7]見積01!#REF!</definedName>
    <definedName name="_15" localSheetId="6">[7]見積01!#REF!</definedName>
    <definedName name="_15">[7]見積01!#REF!</definedName>
    <definedName name="_16" localSheetId="6">#REF!</definedName>
    <definedName name="_16">#REF!</definedName>
    <definedName name="_17" localSheetId="6">#REF!</definedName>
    <definedName name="_17">#REF!</definedName>
    <definedName name="_18" localSheetId="6">#REF!</definedName>
    <definedName name="_18">#REF!</definedName>
    <definedName name="_19" localSheetId="6">#REF!</definedName>
    <definedName name="_19">#REF!</definedName>
    <definedName name="_1ｂ９_" localSheetId="6">#REF!</definedName>
    <definedName name="_1ｂ９_">#REF!</definedName>
    <definedName name="_1d2_" localSheetId="6">[2]!ピクチャ5_Click</definedName>
    <definedName name="_1d2_" localSheetId="5">[2]!ピクチャ5_Click</definedName>
    <definedName name="_1d2_">[2]!ピクチャ5_Click</definedName>
    <definedName name="_1Print_Area_02__4" localSheetId="6">#REF!</definedName>
    <definedName name="_1Print_Area_02__4">#REF!</definedName>
    <definedName name="_2" localSheetId="6">#REF!</definedName>
    <definedName name="_2">#REF!</definedName>
    <definedName name="_2.0×2___1.08×2___×_2.95" localSheetId="6">#REF!</definedName>
    <definedName name="_2.0×2___1.08×2___×_2.95">#REF!</definedName>
    <definedName name="_20" localSheetId="6">#REF!</definedName>
    <definedName name="_20">#REF!</definedName>
    <definedName name="_21" localSheetId="6">#REF!</definedName>
    <definedName name="_21">#REF!</definedName>
    <definedName name="_216" localSheetId="6">#REF!</definedName>
    <definedName name="_216">#REF!</definedName>
    <definedName name="_217" localSheetId="6">#REF!</definedName>
    <definedName name="_217">#REF!</definedName>
    <definedName name="_218" localSheetId="6">#REF!</definedName>
    <definedName name="_218">#REF!</definedName>
    <definedName name="_219" localSheetId="6">#REF!</definedName>
    <definedName name="_219">#REF!</definedName>
    <definedName name="_22" localSheetId="6">#REF!</definedName>
    <definedName name="_22">#REF!</definedName>
    <definedName name="_220" localSheetId="6">#REF!</definedName>
    <definedName name="_220">#REF!</definedName>
    <definedName name="_221" localSheetId="6">#REF!</definedName>
    <definedName name="_221">#REF!</definedName>
    <definedName name="_222" localSheetId="6">#REF!</definedName>
    <definedName name="_222">#REF!</definedName>
    <definedName name="_223" localSheetId="6">#REF!</definedName>
    <definedName name="_223">#REF!</definedName>
    <definedName name="_23" localSheetId="6">#REF!</definedName>
    <definedName name="_23">#REF!</definedName>
    <definedName name="_2ページまで" localSheetId="6">#REF!</definedName>
    <definedName name="_2ページまで">#REF!</definedName>
    <definedName name="_2印刷範囲_2" localSheetId="6">#REF!</definedName>
    <definedName name="_2印刷範囲_2">#REF!</definedName>
    <definedName name="_2号明細書_M" localSheetId="6">#REF!</definedName>
    <definedName name="_2号明細書_M">#REF!</definedName>
    <definedName name="_3" localSheetId="6">#REF!</definedName>
    <definedName name="_3">#REF!</definedName>
    <definedName name="_33" localSheetId="6">#REF!</definedName>
    <definedName name="_33">#REF!</definedName>
    <definedName name="_3Print_Area_02" localSheetId="6">#REF!</definedName>
    <definedName name="_3Print_Area_02">#REF!</definedName>
    <definedName name="_3ページまで" localSheetId="6">#REF!</definedName>
    <definedName name="_3ページまで">#REF!</definedName>
    <definedName name="_3印刷範囲_5" localSheetId="6">#REF!</definedName>
    <definedName name="_3印刷範囲_5">#REF!</definedName>
    <definedName name="_3行挿入" localSheetId="6">#REF!</definedName>
    <definedName name="_3行挿入">#REF!</definedName>
    <definedName name="_4" localSheetId="6">#REF!</definedName>
    <definedName name="_4">#REF!</definedName>
    <definedName name="_44" localSheetId="6">#REF!</definedName>
    <definedName name="_44">#REF!</definedName>
    <definedName name="_4d2_" localSheetId="6">[9]!ピクチャ5_Click</definedName>
    <definedName name="_4d2_" localSheetId="5">[9]!ピクチャ5_Click</definedName>
    <definedName name="_4d2_">[9]!ピクチャ5_Click</definedName>
    <definedName name="_4Print_Area_03" localSheetId="6">#REF!</definedName>
    <definedName name="_4Print_Area_03">#REF!</definedName>
    <definedName name="_4ページまで" localSheetId="6">#REF!</definedName>
    <definedName name="_4ページまで">#REF!</definedName>
    <definedName name="_4印刷範囲_6" localSheetId="6">#REF!</definedName>
    <definedName name="_4印刷範囲_6">#REF!</definedName>
    <definedName name="_5" localSheetId="6">#REF!</definedName>
    <definedName name="_5">#REF!</definedName>
    <definedName name="_50" localSheetId="6">#REF!</definedName>
    <definedName name="_50">#REF!</definedName>
    <definedName name="_55" localSheetId="6">#REF!</definedName>
    <definedName name="_55">#REF!</definedName>
    <definedName name="_5ページまで" localSheetId="6">#REF!</definedName>
    <definedName name="_5ページまで">#REF!</definedName>
    <definedName name="_5印刷範囲_7" localSheetId="6">#REF!</definedName>
    <definedName name="_5印刷範囲_7">#REF!</definedName>
    <definedName name="_6" localSheetId="6">#REF!</definedName>
    <definedName name="_6">#REF!</definedName>
    <definedName name="_66" localSheetId="6">#REF!</definedName>
    <definedName name="_66">#REF!</definedName>
    <definedName name="_6ページまで" localSheetId="6">#REF!</definedName>
    <definedName name="_6ページまで">#REF!</definedName>
    <definedName name="_7" localSheetId="6">#REF!</definedName>
    <definedName name="_7">#REF!</definedName>
    <definedName name="_7ページまで" localSheetId="6">#REF!</definedName>
    <definedName name="_7ページまで">#REF!</definedName>
    <definedName name="_8" localSheetId="6">#REF!</definedName>
    <definedName name="_8">#REF!</definedName>
    <definedName name="_850" localSheetId="6">#REF!</definedName>
    <definedName name="_850">#REF!</definedName>
    <definedName name="_88" localSheetId="6">#REF!</definedName>
    <definedName name="_88">#REF!</definedName>
    <definedName name="_9" localSheetId="6">#REF!</definedName>
    <definedName name="_9">#REF!</definedName>
    <definedName name="_99" localSheetId="6">#REF!</definedName>
    <definedName name="_99">#REF!</definedName>
    <definedName name="_A1" localSheetId="6">#REF!</definedName>
    <definedName name="_A1">#REF!</definedName>
    <definedName name="_A10" localSheetId="6">#REF!</definedName>
    <definedName name="_A10">#REF!</definedName>
    <definedName name="_A11" localSheetId="6">#REF!</definedName>
    <definedName name="_A11">#REF!</definedName>
    <definedName name="_A12" localSheetId="6">#REF!</definedName>
    <definedName name="_A12">#REF!</definedName>
    <definedName name="_A13" localSheetId="6">#REF!</definedName>
    <definedName name="_A13">#REF!</definedName>
    <definedName name="_A14" localSheetId="6">#REF!</definedName>
    <definedName name="_A14">#REF!</definedName>
    <definedName name="_A15" localSheetId="6">#REF!</definedName>
    <definedName name="_A15">#REF!</definedName>
    <definedName name="_A16" localSheetId="6">#REF!</definedName>
    <definedName name="_A16">#REF!</definedName>
    <definedName name="_A17" localSheetId="6">#REF!</definedName>
    <definedName name="_A17">#REF!</definedName>
    <definedName name="_A18" localSheetId="6">#REF!</definedName>
    <definedName name="_A18">#REF!</definedName>
    <definedName name="_A19" localSheetId="6">#REF!</definedName>
    <definedName name="_A19">#REF!</definedName>
    <definedName name="_A2" localSheetId="6">#REF!</definedName>
    <definedName name="_A2">#REF!</definedName>
    <definedName name="_A20" localSheetId="6">#REF!</definedName>
    <definedName name="_A20">#REF!</definedName>
    <definedName name="_A21" localSheetId="6">#REF!</definedName>
    <definedName name="_A21">#REF!</definedName>
    <definedName name="_A22" localSheetId="6">#REF!</definedName>
    <definedName name="_A22">#REF!</definedName>
    <definedName name="_A23" localSheetId="6">#REF!</definedName>
    <definedName name="_A23">#REF!</definedName>
    <definedName name="_A24" localSheetId="6">#REF!</definedName>
    <definedName name="_A24">#REF!</definedName>
    <definedName name="_A25" localSheetId="6">#REF!</definedName>
    <definedName name="_A25">#REF!</definedName>
    <definedName name="_A26" localSheetId="6">#REF!</definedName>
    <definedName name="_A26">#REF!</definedName>
    <definedName name="_A27" localSheetId="6">#REF!</definedName>
    <definedName name="_A27">#REF!</definedName>
    <definedName name="_A28" localSheetId="6">#REF!</definedName>
    <definedName name="_A28">#REF!</definedName>
    <definedName name="_A29" localSheetId="6">#REF!</definedName>
    <definedName name="_A29">#REF!</definedName>
    <definedName name="_A3" localSheetId="6">#REF!</definedName>
    <definedName name="_A3">#REF!</definedName>
    <definedName name="_A30" localSheetId="6">#REF!</definedName>
    <definedName name="_A30">#REF!</definedName>
    <definedName name="_A31" localSheetId="6">#REF!</definedName>
    <definedName name="_A31">#REF!</definedName>
    <definedName name="_A32" localSheetId="6">#REF!</definedName>
    <definedName name="_A32">#REF!</definedName>
    <definedName name="_A33" localSheetId="6">#REF!</definedName>
    <definedName name="_A33">#REF!</definedName>
    <definedName name="_A34" localSheetId="6">#REF!</definedName>
    <definedName name="_A34">#REF!</definedName>
    <definedName name="_A35" localSheetId="6">#REF!</definedName>
    <definedName name="_A35">#REF!</definedName>
    <definedName name="_A36" localSheetId="6">#REF!</definedName>
    <definedName name="_A36">#REF!</definedName>
    <definedName name="_A37" localSheetId="6">#REF!</definedName>
    <definedName name="_A37">#REF!</definedName>
    <definedName name="_A38" localSheetId="6">#REF!</definedName>
    <definedName name="_A38">#REF!</definedName>
    <definedName name="_A39" localSheetId="6">#REF!</definedName>
    <definedName name="_A39">#REF!</definedName>
    <definedName name="_A4" localSheetId="6">#REF!</definedName>
    <definedName name="_A4">#REF!</definedName>
    <definedName name="_A40" localSheetId="6">#REF!</definedName>
    <definedName name="_A40">#REF!</definedName>
    <definedName name="_A41" localSheetId="6">#REF!</definedName>
    <definedName name="_A41">#REF!</definedName>
    <definedName name="_A42" localSheetId="6">#REF!</definedName>
    <definedName name="_A42">#REF!</definedName>
    <definedName name="_A43" localSheetId="6">#REF!</definedName>
    <definedName name="_A43">#REF!</definedName>
    <definedName name="_A44" localSheetId="6">#REF!</definedName>
    <definedName name="_A44">#REF!</definedName>
    <definedName name="_A45" localSheetId="6">#REF!</definedName>
    <definedName name="_A45">#REF!</definedName>
    <definedName name="_A46" localSheetId="6">#REF!</definedName>
    <definedName name="_A46">#REF!</definedName>
    <definedName name="_A47" localSheetId="6">#REF!</definedName>
    <definedName name="_A47">#REF!</definedName>
    <definedName name="_A48" localSheetId="6">#REF!</definedName>
    <definedName name="_A48">#REF!</definedName>
    <definedName name="_A49" localSheetId="6">#REF!</definedName>
    <definedName name="_A49">#REF!</definedName>
    <definedName name="_A5" localSheetId="6">#REF!</definedName>
    <definedName name="_A5">#REF!</definedName>
    <definedName name="_A50" localSheetId="6">#REF!</definedName>
    <definedName name="_A50">#REF!</definedName>
    <definedName name="_A51" localSheetId="6">#REF!</definedName>
    <definedName name="_A51">#REF!</definedName>
    <definedName name="_A52" localSheetId="6">#REF!</definedName>
    <definedName name="_A52">#REF!</definedName>
    <definedName name="_A53" localSheetId="6">#REF!</definedName>
    <definedName name="_A53">#REF!</definedName>
    <definedName name="_A54" localSheetId="6">#REF!</definedName>
    <definedName name="_A54">#REF!</definedName>
    <definedName name="_A55" localSheetId="6">#REF!</definedName>
    <definedName name="_A55">#REF!</definedName>
    <definedName name="_A56" localSheetId="6">#REF!</definedName>
    <definedName name="_A56">#REF!</definedName>
    <definedName name="_A57" localSheetId="6">#REF!</definedName>
    <definedName name="_A57">#REF!</definedName>
    <definedName name="_A58" localSheetId="6">#REF!</definedName>
    <definedName name="_A58">#REF!</definedName>
    <definedName name="_A59" localSheetId="6">#REF!</definedName>
    <definedName name="_A59">#REF!</definedName>
    <definedName name="_A6" localSheetId="6">#REF!</definedName>
    <definedName name="_A6">#REF!</definedName>
    <definedName name="_A60" localSheetId="6">#REF!</definedName>
    <definedName name="_A60">#REF!</definedName>
    <definedName name="_A61" localSheetId="6">#REF!</definedName>
    <definedName name="_A61">#REF!</definedName>
    <definedName name="_A62" localSheetId="6">#REF!</definedName>
    <definedName name="_A62">#REF!</definedName>
    <definedName name="_A63" localSheetId="6">#REF!</definedName>
    <definedName name="_A63">#REF!</definedName>
    <definedName name="_A64" localSheetId="6">#REF!</definedName>
    <definedName name="_A64">#REF!</definedName>
    <definedName name="_A65" localSheetId="6">#REF!</definedName>
    <definedName name="_A65">#REF!</definedName>
    <definedName name="_A66" localSheetId="6">#REF!</definedName>
    <definedName name="_A66">#REF!</definedName>
    <definedName name="_A67" localSheetId="6">#REF!</definedName>
    <definedName name="_A67">#REF!</definedName>
    <definedName name="_A68" localSheetId="6">#REF!</definedName>
    <definedName name="_A68">#REF!</definedName>
    <definedName name="_A69" localSheetId="6">#REF!</definedName>
    <definedName name="_A69">#REF!</definedName>
    <definedName name="_A7" localSheetId="6">#REF!</definedName>
    <definedName name="_A7">#REF!</definedName>
    <definedName name="_A70" localSheetId="6">#REF!</definedName>
    <definedName name="_A70">#REF!</definedName>
    <definedName name="_A71" localSheetId="6">#REF!</definedName>
    <definedName name="_A71">#REF!</definedName>
    <definedName name="_A73" localSheetId="6">#REF!</definedName>
    <definedName name="_A73">#REF!</definedName>
    <definedName name="_A74" localSheetId="6">#REF!</definedName>
    <definedName name="_A74">#REF!</definedName>
    <definedName name="_A75" localSheetId="6">#REF!</definedName>
    <definedName name="_A75">#REF!</definedName>
    <definedName name="_A76" localSheetId="6">#REF!</definedName>
    <definedName name="_A76">#REF!</definedName>
    <definedName name="_A77" localSheetId="6">#REF!</definedName>
    <definedName name="_A77">#REF!</definedName>
    <definedName name="_A78" localSheetId="6">#REF!</definedName>
    <definedName name="_A78">#REF!</definedName>
    <definedName name="_A79" localSheetId="6">#REF!</definedName>
    <definedName name="_A79">#REF!</definedName>
    <definedName name="_A8" localSheetId="6">#REF!</definedName>
    <definedName name="_A8">#REF!</definedName>
    <definedName name="_A81" localSheetId="6">#REF!</definedName>
    <definedName name="_A81">#REF!</definedName>
    <definedName name="_A82" localSheetId="6">#REF!</definedName>
    <definedName name="_A82">#REF!</definedName>
    <definedName name="_A9" localSheetId="6">#REF!</definedName>
    <definedName name="_A9">#REF!</definedName>
    <definedName name="_ｂ９" localSheetId="6">#REF!</definedName>
    <definedName name="_ｂ９">#REF!</definedName>
    <definedName name="_BOX01" localSheetId="6">#REF!</definedName>
    <definedName name="_BOX01">#REF!</definedName>
    <definedName name="_BOX02" localSheetId="6">#REF!</definedName>
    <definedName name="_BOX02">#REF!</definedName>
    <definedName name="_BOX03" localSheetId="6">#REF!</definedName>
    <definedName name="_BOX03">#REF!</definedName>
    <definedName name="_BUN2">[3]歩・屋!$E$5:$T$16</definedName>
    <definedName name="_d2" localSheetId="6">[2]!ピクチャ5_Click</definedName>
    <definedName name="_d2" localSheetId="5">[2]!ピクチャ5_Click</definedName>
    <definedName name="_d2">[2]!ピクチャ5_Click</definedName>
    <definedName name="_d3" localSheetId="6">[10]!ピクチャ5_Click</definedName>
    <definedName name="_d3" localSheetId="5">[10]!ピクチャ5_Click</definedName>
    <definedName name="_d3">[10]!ピクチャ5_Click</definedName>
    <definedName name="_dd1" localSheetId="6">[11]!Dialog3_ボタン2_Click</definedName>
    <definedName name="_dd1" localSheetId="5">[11]!Dialog3_ボタン2_Click</definedName>
    <definedName name="_dd1">[11]!Dialog3_ボタン2_Click</definedName>
    <definedName name="_ddd2" localSheetId="6">[11]!ピクチャ5_Click</definedName>
    <definedName name="_ddd2" localSheetId="5">[11]!ピクチャ5_Click</definedName>
    <definedName name="_ddd2">[11]!ピクチャ5_Click</definedName>
    <definedName name="_Fill" localSheetId="6" hidden="1">#REF!</definedName>
    <definedName name="_Fill" hidden="1">#REF!</definedName>
    <definedName name="_xlnm._FilterDatabase" localSheetId="6" hidden="1">#REF!</definedName>
    <definedName name="_xlnm._FilterDatabase" hidden="1">#REF!</definedName>
    <definedName name="_I1" localSheetId="6">#REF!</definedName>
    <definedName name="_I1">#REF!</definedName>
    <definedName name="_I2" localSheetId="6">#REF!</definedName>
    <definedName name="_I2">#REF!</definedName>
    <definedName name="_I3" localSheetId="6">#REF!</definedName>
    <definedName name="_I3">#REF!</definedName>
    <definedName name="_Key1" hidden="1">[12]Sheet1!$C$6</definedName>
    <definedName name="_Key2" localSheetId="6" hidden="1">[12]Sheet1!#REF!</definedName>
    <definedName name="_Key2" hidden="1">[12]Sheet1!#REF!</definedName>
    <definedName name="_N1" localSheetId="6">#REF!</definedName>
    <definedName name="_N1">#REF!</definedName>
    <definedName name="_N10" localSheetId="6">#REF!</definedName>
    <definedName name="_N10">#REF!</definedName>
    <definedName name="_N11" localSheetId="6">#REF!</definedName>
    <definedName name="_N11">#REF!</definedName>
    <definedName name="_N12" localSheetId="6">#REF!</definedName>
    <definedName name="_N12">#REF!</definedName>
    <definedName name="_N13" localSheetId="6">#REF!</definedName>
    <definedName name="_N13">#REF!</definedName>
    <definedName name="_N14" localSheetId="6">#REF!</definedName>
    <definedName name="_N14">#REF!</definedName>
    <definedName name="_N15" localSheetId="6">#REF!</definedName>
    <definedName name="_N15">#REF!</definedName>
    <definedName name="_N16" localSheetId="6">#REF!</definedName>
    <definedName name="_N16">#REF!</definedName>
    <definedName name="_N17" localSheetId="6">#REF!</definedName>
    <definedName name="_N17">#REF!</definedName>
    <definedName name="_N18" localSheetId="6">#REF!</definedName>
    <definedName name="_N18">#REF!</definedName>
    <definedName name="_N19" localSheetId="6">#REF!</definedName>
    <definedName name="_N19">#REF!</definedName>
    <definedName name="_N2" localSheetId="6">#REF!</definedName>
    <definedName name="_N2">#REF!</definedName>
    <definedName name="_N20" localSheetId="6">#REF!</definedName>
    <definedName name="_N20">#REF!</definedName>
    <definedName name="_N21" localSheetId="6">#REF!</definedName>
    <definedName name="_N21">#REF!</definedName>
    <definedName name="_N22" localSheetId="6">#REF!</definedName>
    <definedName name="_N22">#REF!</definedName>
    <definedName name="_N23" localSheetId="6">#REF!</definedName>
    <definedName name="_N23">#REF!</definedName>
    <definedName name="_N24" localSheetId="6">#REF!</definedName>
    <definedName name="_N24">#REF!</definedName>
    <definedName name="_N25" localSheetId="6">#REF!</definedName>
    <definedName name="_N25">#REF!</definedName>
    <definedName name="_N26" localSheetId="6">#REF!</definedName>
    <definedName name="_N26">#REF!</definedName>
    <definedName name="_N27" localSheetId="6">#REF!</definedName>
    <definedName name="_N27">#REF!</definedName>
    <definedName name="_N28" localSheetId="6">#REF!</definedName>
    <definedName name="_N28">#REF!</definedName>
    <definedName name="_N29" localSheetId="6">#REF!</definedName>
    <definedName name="_N29">#REF!</definedName>
    <definedName name="_N3" localSheetId="6">#REF!</definedName>
    <definedName name="_N3">#REF!</definedName>
    <definedName name="_N30" localSheetId="6">#REF!</definedName>
    <definedName name="_N30">#REF!</definedName>
    <definedName name="_N31" localSheetId="6">#REF!</definedName>
    <definedName name="_N31">#REF!</definedName>
    <definedName name="_N32" localSheetId="6">#REF!</definedName>
    <definedName name="_N32">#REF!</definedName>
    <definedName name="_N33" localSheetId="6">#REF!</definedName>
    <definedName name="_N33">#REF!</definedName>
    <definedName name="_N34" localSheetId="6">#REF!</definedName>
    <definedName name="_N34">#REF!</definedName>
    <definedName name="_N4" localSheetId="6">#REF!</definedName>
    <definedName name="_N4">#REF!</definedName>
    <definedName name="_N5" localSheetId="6">#REF!</definedName>
    <definedName name="_N5">#REF!</definedName>
    <definedName name="_N6" localSheetId="6">#REF!</definedName>
    <definedName name="_N6">#REF!</definedName>
    <definedName name="_N7" localSheetId="6">#REF!</definedName>
    <definedName name="_N7">#REF!</definedName>
    <definedName name="_N8" localSheetId="6">#REF!</definedName>
    <definedName name="_N8">#REF!</definedName>
    <definedName name="_N9" localSheetId="6">#REF!</definedName>
    <definedName name="_N9">#REF!</definedName>
    <definedName name="_Order1" hidden="1">255</definedName>
    <definedName name="_Order2" hidden="1">255</definedName>
    <definedName name="_P" localSheetId="6">#REF!</definedName>
    <definedName name="_P">#REF!</definedName>
    <definedName name="_P1" localSheetId="6">#REF!</definedName>
    <definedName name="_P1">#REF!</definedName>
    <definedName name="_p2" localSheetId="6">#REF!</definedName>
    <definedName name="_p2">#REF!</definedName>
    <definedName name="_p3" localSheetId="6">#REF!</definedName>
    <definedName name="_p3">#REF!</definedName>
    <definedName name="_Parse_Out" localSheetId="6" hidden="1">#REF!</definedName>
    <definedName name="_Parse_Out" hidden="1">#REF!</definedName>
    <definedName name="_RE2" localSheetId="6">#REF!</definedName>
    <definedName name="_RE2">#REF!</definedName>
    <definedName name="_Regression_Int" hidden="1">1</definedName>
    <definedName name="_Regression_Out" localSheetId="6" hidden="1">#REF!</definedName>
    <definedName name="_Regression_Out" hidden="1">#REF!</definedName>
    <definedName name="_Regression_X" localSheetId="6" hidden="1">#REF!</definedName>
    <definedName name="_Regression_X" hidden="1">#REF!</definedName>
    <definedName name="_Regression_Y" localSheetId="6" hidden="1">#REF!</definedName>
    <definedName name="_Regression_Y" hidden="1">#REF!</definedName>
    <definedName name="_SON1" localSheetId="6">#REF!</definedName>
    <definedName name="_SON1">#REF!</definedName>
    <definedName name="_son2" localSheetId="6">#REF!</definedName>
    <definedName name="_son2">#REF!</definedName>
    <definedName name="_SON3" localSheetId="6">#REF!</definedName>
    <definedName name="_SON3">#REF!</definedName>
    <definedName name="_Sort" localSheetId="6" hidden="1">#REF!</definedName>
    <definedName name="_Sort" hidden="1">#REF!</definedName>
    <definedName name="_SUB2" localSheetId="6">#REF!</definedName>
    <definedName name="_SUB2">#REF!</definedName>
    <definedName name="_SUB3" localSheetId="6">#REF!</definedName>
    <definedName name="_SUB3">#REF!</definedName>
    <definedName name="_SUB4" localSheetId="6">#REF!</definedName>
    <definedName name="_SUB4">#REF!</definedName>
    <definedName name="_Table1_In1" localSheetId="6" hidden="1">#REF!</definedName>
    <definedName name="_Table1_In1" hidden="1">#REF!</definedName>
    <definedName name="_Table1_Out" localSheetId="6" hidden="1">#REF!</definedName>
    <definedName name="_Table1_Out" hidden="1">#REF!</definedName>
    <definedName name="_Table2_In1" localSheetId="6" hidden="1">#REF!</definedName>
    <definedName name="_Table2_In1" hidden="1">#REF!</definedName>
    <definedName name="_Table2_In2" localSheetId="6" hidden="1">#REF!</definedName>
    <definedName name="_Table2_In2" hidden="1">#REF!</definedName>
    <definedName name="_Table2_Out" localSheetId="6" hidden="1">#REF!</definedName>
    <definedName name="_Table2_Out" hidden="1">#REF!</definedName>
    <definedName name="_tan1" localSheetId="6">#REF!</definedName>
    <definedName name="_tan1">#REF!</definedName>
    <definedName name="_tan2" localSheetId="6">#REF!</definedName>
    <definedName name="_tan2">#REF!</definedName>
    <definedName name="_tan3" localSheetId="6">#REF!</definedName>
    <definedName name="_tan3">#REF!</definedName>
    <definedName name="_V1" localSheetId="6">#REF!</definedName>
    <definedName name="_V1">#REF!</definedName>
    <definedName name="_V10" localSheetId="6">#REF!</definedName>
    <definedName name="_V10">#REF!</definedName>
    <definedName name="_V11" localSheetId="6">#REF!</definedName>
    <definedName name="_V11">#REF!</definedName>
    <definedName name="_V12" localSheetId="6">#REF!</definedName>
    <definedName name="_V12">#REF!</definedName>
    <definedName name="_V13" localSheetId="6">#REF!</definedName>
    <definedName name="_V13">#REF!</definedName>
    <definedName name="_V14" localSheetId="6">#REF!</definedName>
    <definedName name="_V14">#REF!</definedName>
    <definedName name="_V15" localSheetId="6">#REF!</definedName>
    <definedName name="_V15">#REF!</definedName>
    <definedName name="_V16" localSheetId="6">#REF!</definedName>
    <definedName name="_V16">#REF!</definedName>
    <definedName name="_V17" localSheetId="6">#REF!</definedName>
    <definedName name="_V17">#REF!</definedName>
    <definedName name="_V18" localSheetId="6">#REF!</definedName>
    <definedName name="_V18">#REF!</definedName>
    <definedName name="_V19" localSheetId="6">#REF!</definedName>
    <definedName name="_V19">#REF!</definedName>
    <definedName name="_V2" localSheetId="6">#REF!</definedName>
    <definedName name="_V2">#REF!</definedName>
    <definedName name="_V20" localSheetId="6">#REF!</definedName>
    <definedName name="_V20">#REF!</definedName>
    <definedName name="_V21" localSheetId="6">#REF!</definedName>
    <definedName name="_V21">#REF!</definedName>
    <definedName name="_V22" localSheetId="6">#REF!</definedName>
    <definedName name="_V22">#REF!</definedName>
    <definedName name="_V23" localSheetId="6">#REF!</definedName>
    <definedName name="_V23">#REF!</definedName>
    <definedName name="_V24" localSheetId="6">#REF!</definedName>
    <definedName name="_V24">#REF!</definedName>
    <definedName name="_V25" localSheetId="6">#REF!</definedName>
    <definedName name="_V25">#REF!</definedName>
    <definedName name="_V26" localSheetId="6">#REF!</definedName>
    <definedName name="_V26">#REF!</definedName>
    <definedName name="_V27" localSheetId="6">#REF!</definedName>
    <definedName name="_V27">#REF!</definedName>
    <definedName name="_V28" localSheetId="6">#REF!</definedName>
    <definedName name="_V28">#REF!</definedName>
    <definedName name="_V29" localSheetId="6">#REF!</definedName>
    <definedName name="_V29">#REF!</definedName>
    <definedName name="_V3" localSheetId="6">#REF!</definedName>
    <definedName name="_V3">#REF!</definedName>
    <definedName name="_V30" localSheetId="6">#REF!</definedName>
    <definedName name="_V30">#REF!</definedName>
    <definedName name="_V31" localSheetId="6">#REF!</definedName>
    <definedName name="_V31">#REF!</definedName>
    <definedName name="_V32" localSheetId="6">#REF!</definedName>
    <definedName name="_V32">#REF!</definedName>
    <definedName name="_V33" localSheetId="6">#REF!</definedName>
    <definedName name="_V33">#REF!</definedName>
    <definedName name="_V34" localSheetId="6">#REF!</definedName>
    <definedName name="_V34">#REF!</definedName>
    <definedName name="_V35" localSheetId="6">#REF!</definedName>
    <definedName name="_V35">#REF!</definedName>
    <definedName name="_V36" localSheetId="6">#REF!</definedName>
    <definedName name="_V36">#REF!</definedName>
    <definedName name="_V37" localSheetId="6">#REF!</definedName>
    <definedName name="_V37">#REF!</definedName>
    <definedName name="_V38" localSheetId="6">#REF!</definedName>
    <definedName name="_V38">#REF!</definedName>
    <definedName name="_V4" localSheetId="6">#REF!</definedName>
    <definedName name="_V4">#REF!</definedName>
    <definedName name="_V5" localSheetId="6">#REF!</definedName>
    <definedName name="_V5">#REF!</definedName>
    <definedName name="_V6" localSheetId="6">#REF!</definedName>
    <definedName name="_V6">#REF!</definedName>
    <definedName name="_V7" localSheetId="6">#REF!</definedName>
    <definedName name="_V7">#REF!</definedName>
    <definedName name="_V8" localSheetId="6">#REF!</definedName>
    <definedName name="_V8">#REF!</definedName>
    <definedName name="_V9" localSheetId="6">#REF!</definedName>
    <definedName name="_V9">#REF!</definedName>
    <definedName name="\0" localSheetId="6">#REF!</definedName>
    <definedName name="\0">#REF!</definedName>
    <definedName name="\1">[13]諸経費計算表!$R$3:$AA$38</definedName>
    <definedName name="\11">[13]諸経費計算表!$R$3:$AA$38</definedName>
    <definedName name="￥1250" localSheetId="6">#REF!</definedName>
    <definedName name="￥1250">#REF!</definedName>
    <definedName name="￥1900" localSheetId="6">#REF!</definedName>
    <definedName name="￥1900">#REF!</definedName>
    <definedName name="\2">[13]諸経費計算表!$A$8:$F$65</definedName>
    <definedName name="\A" localSheetId="6">#REF!</definedName>
    <definedName name="\A">#REF!</definedName>
    <definedName name="\A1" localSheetId="6">#REF!</definedName>
    <definedName name="\A1">#REF!</definedName>
    <definedName name="\AAA" localSheetId="6">#REF!</definedName>
    <definedName name="\AAA">#REF!</definedName>
    <definedName name="\B" localSheetId="6">#REF!</definedName>
    <definedName name="\B">#REF!</definedName>
    <definedName name="\B1" localSheetId="6">#REF!</definedName>
    <definedName name="\B1">#REF!</definedName>
    <definedName name="\C" localSheetId="6">#REF!</definedName>
    <definedName name="\C">#REF!</definedName>
    <definedName name="\C1" localSheetId="6">#REF!</definedName>
    <definedName name="\C1">#REF!</definedName>
    <definedName name="\D" localSheetId="6">#REF!</definedName>
    <definedName name="\D">#REF!</definedName>
    <definedName name="\D1" localSheetId="6">#REF!</definedName>
    <definedName name="\D1">#REF!</definedName>
    <definedName name="\E" localSheetId="6">#REF!</definedName>
    <definedName name="\E">#REF!</definedName>
    <definedName name="\E1" localSheetId="6">#REF!</definedName>
    <definedName name="\E1">#REF!</definedName>
    <definedName name="\F" localSheetId="6">#REF!</definedName>
    <definedName name="\F">#REF!</definedName>
    <definedName name="\F1" localSheetId="6">#REF!</definedName>
    <definedName name="\F1">#REF!</definedName>
    <definedName name="\G" localSheetId="6">#REF!</definedName>
    <definedName name="\G">#REF!</definedName>
    <definedName name="\G1" localSheetId="6">#REF!</definedName>
    <definedName name="\G1">#REF!</definedName>
    <definedName name="\GOTO" localSheetId="6">#REF!</definedName>
    <definedName name="\GOTO">#REF!</definedName>
    <definedName name="\H" localSheetId="6">#REF!</definedName>
    <definedName name="\H">#REF!</definedName>
    <definedName name="\H1" localSheetId="6">#REF!</definedName>
    <definedName name="\H1">#REF!</definedName>
    <definedName name="\I" localSheetId="6">#REF!</definedName>
    <definedName name="\I">#REF!</definedName>
    <definedName name="\I1" localSheetId="6">#REF!</definedName>
    <definedName name="\I1">#REF!</definedName>
    <definedName name="\J" localSheetId="6">#REF!</definedName>
    <definedName name="\J">#REF!</definedName>
    <definedName name="\J1" localSheetId="6">#REF!</definedName>
    <definedName name="\J1">#REF!</definedName>
    <definedName name="\K" localSheetId="6">#REF!</definedName>
    <definedName name="\K">#REF!</definedName>
    <definedName name="\K1" localSheetId="6">#REF!</definedName>
    <definedName name="\K1">#REF!</definedName>
    <definedName name="\L" localSheetId="6">#REF!</definedName>
    <definedName name="\L">#REF!</definedName>
    <definedName name="\L1" localSheetId="6">#REF!</definedName>
    <definedName name="\L1">#REF!</definedName>
    <definedName name="\M" localSheetId="6">#REF!</definedName>
    <definedName name="\M">#REF!</definedName>
    <definedName name="\M1" localSheetId="6">#REF!</definedName>
    <definedName name="\M1">#REF!</definedName>
    <definedName name="\N" localSheetId="6">#REF!</definedName>
    <definedName name="\N">#REF!</definedName>
    <definedName name="\N1" localSheetId="6">#REF!</definedName>
    <definedName name="\N1">#REF!</definedName>
    <definedName name="\O" localSheetId="6">#REF!</definedName>
    <definedName name="\O">#REF!</definedName>
    <definedName name="\O1" localSheetId="6">#REF!</definedName>
    <definedName name="\O1">#REF!</definedName>
    <definedName name="\P" localSheetId="6">#REF!</definedName>
    <definedName name="\P">#REF!</definedName>
    <definedName name="\P1" localSheetId="6">#REF!</definedName>
    <definedName name="\P1">#REF!</definedName>
    <definedName name="\pn">[13]諸経費計算表!$A$2</definedName>
    <definedName name="\Q" localSheetId="6">#REF!</definedName>
    <definedName name="\Q">#REF!</definedName>
    <definedName name="\R" localSheetId="6">#REF!</definedName>
    <definedName name="\R">#REF!</definedName>
    <definedName name="\S" localSheetId="6">#REF!</definedName>
    <definedName name="\S">#REF!</definedName>
    <definedName name="\T" localSheetId="6">#REF!</definedName>
    <definedName name="\T">#REF!</definedName>
    <definedName name="\U" localSheetId="6">#REF!</definedName>
    <definedName name="\U">#REF!</definedName>
    <definedName name="\V" localSheetId="6">#REF!</definedName>
    <definedName name="\V">#REF!</definedName>
    <definedName name="\W" localSheetId="6">#REF!</definedName>
    <definedName name="\W">#REF!</definedName>
    <definedName name="\X" localSheetId="6">#REF!</definedName>
    <definedName name="\X">#REF!</definedName>
    <definedName name="\Y" localSheetId="6">#REF!</definedName>
    <definedName name="\Y">#REF!</definedName>
    <definedName name="\Z" localSheetId="6">#REF!</definedName>
    <definedName name="\Z">#REF!</definedName>
    <definedName name="￥あ">[14]土工!$D$2</definedName>
    <definedName name="\一覧表" localSheetId="6">#REF!</definedName>
    <definedName name="\一覧表">#REF!</definedName>
    <definedName name="\印刷設定" localSheetId="6">#REF!</definedName>
    <definedName name="\印刷設定">#REF!</definedName>
    <definedName name="\印刷設定一" localSheetId="6">#REF!</definedName>
    <definedName name="\印刷設定一">#REF!</definedName>
    <definedName name="A" localSheetId="6">#REF!</definedName>
    <definedName name="A">#REF!</definedName>
    <definedName name="A_1">'[15]Ａ代価 '!$A$1:$K$65</definedName>
    <definedName name="Ａ_４" localSheetId="6">#REF!</definedName>
    <definedName name="Ａ_４">#REF!</definedName>
    <definedName name="Ａ_５" localSheetId="6">#REF!</definedName>
    <definedName name="Ａ_５">#REF!</definedName>
    <definedName name="A_アセチレン" localSheetId="6">#REF!</definedName>
    <definedName name="A_アセチレン">#REF!</definedName>
    <definedName name="A_ガソリン" localSheetId="6">#REF!</definedName>
    <definedName name="A_ガソリン">#REF!</definedName>
    <definedName name="A_プロパンガス" localSheetId="6">#REF!</definedName>
    <definedName name="A_プロパンガス">#REF!</definedName>
    <definedName name="A_軽油" localSheetId="6">#REF!</definedName>
    <definedName name="A_軽油">#REF!</definedName>
    <definedName name="A_酸素" localSheetId="6">#REF!</definedName>
    <definedName name="A_酸素">#REF!</definedName>
    <definedName name="A1_" localSheetId="6">[16]複１!#REF!</definedName>
    <definedName name="A1_">[16]複１!#REF!</definedName>
    <definedName name="AA" localSheetId="6">#REF!</definedName>
    <definedName name="AA">#REF!</definedName>
    <definedName name="AAA" localSheetId="6">#REF!</definedName>
    <definedName name="AAA">#REF!</definedName>
    <definedName name="AAAA">[0]!AAAA</definedName>
    <definedName name="aaaaa" localSheetId="6">[17]!Dialog3_ボタン2_Click</definedName>
    <definedName name="aaaaa" localSheetId="5">[17]!Dialog3_ボタン2_Click</definedName>
    <definedName name="aaaaa">[17]!Dialog3_ボタン2_Click</definedName>
    <definedName name="AAAAAAAAAAA" localSheetId="6">[18]!Dialog3_ボタン2_Click</definedName>
    <definedName name="AAAAAAAAAAA" localSheetId="5">[18]!Dialog3_ボタン2_Click</definedName>
    <definedName name="AAAAAAAAAAA">[18]!Dialog3_ボタン2_Click</definedName>
    <definedName name="AB">0.2</definedName>
    <definedName name="abc" localSheetId="6">#REF!</definedName>
    <definedName name="abc">#REF!</definedName>
    <definedName name="AC" localSheetId="6">#REF!</definedName>
    <definedName name="AC">#REF!</definedName>
    <definedName name="AccessDatabase" hidden="1">"C:\My Documents\キンニャモニャセンター計算集計1.mdb"</definedName>
    <definedName name="AD" localSheetId="6">#REF!</definedName>
    <definedName name="AD">#REF!</definedName>
    <definedName name="AE" localSheetId="6">#REF!</definedName>
    <definedName name="AE">#REF!</definedName>
    <definedName name="AF" localSheetId="6">#REF!</definedName>
    <definedName name="AF">#REF!</definedName>
    <definedName name="AG" localSheetId="6">#REF!</definedName>
    <definedName name="AG">#REF!</definedName>
    <definedName name="AH" localSheetId="6">#REF!</definedName>
    <definedName name="AH">#REF!</definedName>
    <definedName name="AI" localSheetId="6">#REF!</definedName>
    <definedName name="AI">#REF!</definedName>
    <definedName name="AIM" localSheetId="6">#REF!</definedName>
    <definedName name="AIM">#REF!</definedName>
    <definedName name="AJ" localSheetId="6">#REF!</definedName>
    <definedName name="AJ">#REF!</definedName>
    <definedName name="AN" localSheetId="6">#REF!</definedName>
    <definedName name="AN">#REF!</definedName>
    <definedName name="Anzen" localSheetId="6">[19]!Anzen</definedName>
    <definedName name="Anzen" localSheetId="5">[19]!Anzen</definedName>
    <definedName name="Anzen">[19]!Anzen</definedName>
    <definedName name="AnzenHyouji" localSheetId="6">[19]!AnzenHyouji</definedName>
    <definedName name="AnzenHyouji" localSheetId="5">[19]!AnzenHyouji</definedName>
    <definedName name="AnzenHyouji">[19]!AnzenHyouji</definedName>
    <definedName name="aqw">[0]!aqw</definedName>
    <definedName name="AS" localSheetId="6">#REF!</definedName>
    <definedName name="AS">#REF!</definedName>
    <definedName name="ASDVIUI" localSheetId="6">#REF!</definedName>
    <definedName name="ASDVIUI">#REF!</definedName>
    <definedName name="AUTOEXEC" localSheetId="6">#REF!</definedName>
    <definedName name="AUTOEXEC">#REF!</definedName>
    <definedName name="awe">[0]!awe</definedName>
    <definedName name="B" localSheetId="6">#REF!</definedName>
    <definedName name="B">#REF!</definedName>
    <definedName name="Ｂ_14" localSheetId="6">'[20]Ｂ代価 '!#REF!</definedName>
    <definedName name="Ｂ_14">'[20]Ｂ代価 '!#REF!</definedName>
    <definedName name="B4OUT" localSheetId="6">#REF!</definedName>
    <definedName name="B4OUT">#REF!</definedName>
    <definedName name="B5OUT" localSheetId="6">#REF!</definedName>
    <definedName name="B5OUT">#REF!</definedName>
    <definedName name="BANGOU" localSheetId="6">#REF!</definedName>
    <definedName name="BANGOU">#REF!</definedName>
    <definedName name="ｂｂ">[21]条件!$C$14</definedName>
    <definedName name="BG" localSheetId="6">#REF!</definedName>
    <definedName name="BG">#REF!</definedName>
    <definedName name="BUGAKE" localSheetId="6">#REF!</definedName>
    <definedName name="BUGAKE">#REF!</definedName>
    <definedName name="BUN">[3]歩・屋!$E$5:$T$16</definedName>
    <definedName name="Ｂの１" localSheetId="6">#REF!</definedName>
    <definedName name="Ｂの１">#REF!</definedName>
    <definedName name="Ｂの２" localSheetId="6">#REF!</definedName>
    <definedName name="Ｂの２">#REF!</definedName>
    <definedName name="Ｂの３" localSheetId="6">#REF!</definedName>
    <definedName name="Ｂの３">#REF!</definedName>
    <definedName name="Ｂの４" localSheetId="6">#REF!</definedName>
    <definedName name="Ｂの４">#REF!</definedName>
    <definedName name="Ｂの６" localSheetId="6">#REF!</definedName>
    <definedName name="Ｂの６">#REF!</definedName>
    <definedName name="B種" localSheetId="6">#REF!</definedName>
    <definedName name="B種">#REF!</definedName>
    <definedName name="Ｂ代価" localSheetId="6">#REF!</definedName>
    <definedName name="Ｂ代価">#REF!</definedName>
    <definedName name="C_25" localSheetId="6">'[20]Ｃ代価(1)'!#REF!</definedName>
    <definedName name="C_25">'[20]Ｃ代価(1)'!#REF!</definedName>
    <definedName name="C_26" localSheetId="6">#REF!</definedName>
    <definedName name="C_26">#REF!</definedName>
    <definedName name="C_27" localSheetId="6">'[20]Ｃ代価(1)'!#REF!</definedName>
    <definedName name="C_27">'[20]Ｃ代価(1)'!#REF!</definedName>
    <definedName name="C_28" localSheetId="6">'[20]Ｃ代価(1)'!#REF!</definedName>
    <definedName name="C_28">'[20]Ｃ代価(1)'!#REF!</definedName>
    <definedName name="C_29" localSheetId="6">#REF!</definedName>
    <definedName name="C_29">#REF!</definedName>
    <definedName name="C_30" localSheetId="6">'[20]Ｃ代価(1)'!#REF!</definedName>
    <definedName name="C_30">'[20]Ｃ代価(1)'!#REF!</definedName>
    <definedName name="C_31" localSheetId="6">'[20]Ｃ代価(1)'!#REF!</definedName>
    <definedName name="C_31">'[20]Ｃ代価(1)'!#REF!</definedName>
    <definedName name="Ｃ_32" localSheetId="6">'[20]Ｃ代価(1)'!#REF!</definedName>
    <definedName name="Ｃ_32">'[20]Ｃ代価(1)'!#REF!</definedName>
    <definedName name="Ｃ_33" localSheetId="6">'[20]Ｃ代価(1)'!#REF!</definedName>
    <definedName name="Ｃ_33">'[20]Ｃ代価(1)'!#REF!</definedName>
    <definedName name="Ｃ_34" localSheetId="6">'[20]Ｃ代価(1)'!#REF!</definedName>
    <definedName name="Ｃ_34">'[20]Ｃ代価(1)'!#REF!</definedName>
    <definedName name="Ｃ_35" localSheetId="6">'[20]Ｃ代価(1)'!#REF!</definedName>
    <definedName name="Ｃ_35">'[20]Ｃ代価(1)'!#REF!</definedName>
    <definedName name="Ｃ_36" localSheetId="6">'[20]Ｃ代価(1)'!#REF!</definedName>
    <definedName name="Ｃ_36">'[20]Ｃ代価(1)'!#REF!</definedName>
    <definedName name="C0" localSheetId="6">#REF!</definedName>
    <definedName name="C0">#REF!</definedName>
    <definedName name="CC" localSheetId="6">#REF!</definedName>
    <definedName name="CC">#REF!</definedName>
    <definedName name="ｃｃｃｃｃｃ" localSheetId="6">[17]!ピクチャ5_Click</definedName>
    <definedName name="ｃｃｃｃｃｃ" localSheetId="5">[17]!ピクチャ5_Click</definedName>
    <definedName name="ｃｃｃｃｃｃ">[17]!ピクチャ5_Click</definedName>
    <definedName name="ｃｄ">'[22]３ページ'!$S$66</definedName>
    <definedName name="COUNTER" localSheetId="6">[23]表紙!#REF!</definedName>
    <definedName name="COUNTER">[23]表紙!#REF!</definedName>
    <definedName name="_xlnm.Criteria" localSheetId="6">#REF!</definedName>
    <definedName name="_xlnm.Criteria">#REF!</definedName>
    <definedName name="Criteria_MI" localSheetId="6">#REF!</definedName>
    <definedName name="Criteria_MI">#REF!</definedName>
    <definedName name="CV3C2" localSheetId="6">[24]ｹｰﾌﾞﾙ計!#REF!</definedName>
    <definedName name="CV3C2">[24]ｹｰﾌﾞﾙ計!#REF!</definedName>
    <definedName name="cv3c2_" localSheetId="6">[25]ｹｰﾌﾞﾙ労務!#REF!</definedName>
    <definedName name="cv3c2_">[25]ｹｰﾌﾞﾙ労務!#REF!</definedName>
    <definedName name="CVVS2C2" localSheetId="6">[24]ｹｰﾌﾞﾙ計!#REF!</definedName>
    <definedName name="CVVS2C2">[24]ｹｰﾌﾞﾙ計!#REF!</definedName>
    <definedName name="ｃｚ" localSheetId="6">#REF!</definedName>
    <definedName name="ｃｚ">#REF!</definedName>
    <definedName name="Ｃの１" localSheetId="6">#REF!</definedName>
    <definedName name="Ｃの１">#REF!</definedName>
    <definedName name="Ｃの１０" localSheetId="6">#REF!</definedName>
    <definedName name="Ｃの１０">#REF!</definedName>
    <definedName name="Ｃの１１" localSheetId="6">#REF!</definedName>
    <definedName name="Ｃの１１">#REF!</definedName>
    <definedName name="Ｃの１２" localSheetId="6">#REF!</definedName>
    <definedName name="Ｃの１２">#REF!</definedName>
    <definedName name="Ｃの１３" localSheetId="6">#REF!</definedName>
    <definedName name="Ｃの１３">#REF!</definedName>
    <definedName name="Ｃの１４" localSheetId="6">#REF!</definedName>
    <definedName name="Ｃの１４">#REF!</definedName>
    <definedName name="Ｃの１５" localSheetId="6">#REF!</definedName>
    <definedName name="Ｃの１５">#REF!</definedName>
    <definedName name="Ｃの１６" localSheetId="6">#REF!</definedName>
    <definedName name="Ｃの１６">#REF!</definedName>
    <definedName name="Ｃの１７" localSheetId="6">#REF!</definedName>
    <definedName name="Ｃの１７">#REF!</definedName>
    <definedName name="Ｃの１８" localSheetId="6">#REF!</definedName>
    <definedName name="Ｃの１８">#REF!</definedName>
    <definedName name="Ｃの１９" localSheetId="6">#REF!</definedName>
    <definedName name="Ｃの１９">#REF!</definedName>
    <definedName name="Ｃの２" localSheetId="6">#REF!</definedName>
    <definedName name="Ｃの２">#REF!</definedName>
    <definedName name="Ｃの２０" localSheetId="6">#REF!</definedName>
    <definedName name="Ｃの２０">#REF!</definedName>
    <definedName name="Ｃの２１" localSheetId="6">#REF!</definedName>
    <definedName name="Ｃの２１">#REF!</definedName>
    <definedName name="Ｃの２２" localSheetId="6">#REF!</definedName>
    <definedName name="Ｃの２２">#REF!</definedName>
    <definedName name="Ｃの２３" localSheetId="6">#REF!</definedName>
    <definedName name="Ｃの２３">#REF!</definedName>
    <definedName name="Ｃの２４" localSheetId="6">#REF!</definedName>
    <definedName name="Ｃの２４">#REF!</definedName>
    <definedName name="Ｃの２５" localSheetId="6">#REF!</definedName>
    <definedName name="Ｃの２５">#REF!</definedName>
    <definedName name="Ｃの２６" localSheetId="6">#REF!</definedName>
    <definedName name="Ｃの２６">#REF!</definedName>
    <definedName name="Ｃの２７" localSheetId="6">#REF!</definedName>
    <definedName name="Ｃの２７">#REF!</definedName>
    <definedName name="Ｃの２８" localSheetId="6">#REF!</definedName>
    <definedName name="Ｃの２８">#REF!</definedName>
    <definedName name="Ｃの２９" localSheetId="6">#REF!</definedName>
    <definedName name="Ｃの２９">#REF!</definedName>
    <definedName name="Ｃの３" localSheetId="6">#REF!</definedName>
    <definedName name="Ｃの３">#REF!</definedName>
    <definedName name="Ｃの３０" localSheetId="6">#REF!</definedName>
    <definedName name="Ｃの３０">#REF!</definedName>
    <definedName name="Ｃの３１" localSheetId="6">#REF!</definedName>
    <definedName name="Ｃの３１">#REF!</definedName>
    <definedName name="Ｃの３２" localSheetId="6">#REF!</definedName>
    <definedName name="Ｃの３２">#REF!</definedName>
    <definedName name="Ｃの３３" localSheetId="6">#REF!</definedName>
    <definedName name="Ｃの３３">#REF!</definedName>
    <definedName name="Ｃの３４" localSheetId="6">#REF!</definedName>
    <definedName name="Ｃの３４">#REF!</definedName>
    <definedName name="Ｃの３５" localSheetId="6">#REF!</definedName>
    <definedName name="Ｃの３５">#REF!</definedName>
    <definedName name="Ｃの３６" localSheetId="6">#REF!</definedName>
    <definedName name="Ｃの３６">#REF!</definedName>
    <definedName name="Ｃの４" localSheetId="6">#REF!</definedName>
    <definedName name="Ｃの４">#REF!</definedName>
    <definedName name="Ｃの５" localSheetId="6">#REF!</definedName>
    <definedName name="Ｃの５">#REF!</definedName>
    <definedName name="Ｃの６" localSheetId="6">#REF!</definedName>
    <definedName name="Ｃの６">#REF!</definedName>
    <definedName name="Ｃの７" localSheetId="6">#REF!</definedName>
    <definedName name="Ｃの７">#REF!</definedName>
    <definedName name="Ｃの８" localSheetId="6">#REF!</definedName>
    <definedName name="Ｃの８">#REF!</definedName>
    <definedName name="Ｃの９" localSheetId="6">#REF!</definedName>
    <definedName name="Ｃの９">#REF!</definedName>
    <definedName name="Ｃ既存校舎" localSheetId="6">[26]内訳書!#REF!</definedName>
    <definedName name="Ｃ既存校舎">[26]内訳書!#REF!</definedName>
    <definedName name="C種" localSheetId="6">#REF!</definedName>
    <definedName name="C種">#REF!</definedName>
    <definedName name="Ｃ代価" localSheetId="6">#REF!</definedName>
    <definedName name="Ｃ代価">#REF!</definedName>
    <definedName name="Ｃ代価表一覧表" localSheetId="6">#REF!</definedName>
    <definedName name="Ｃ代価表一覧表">#REF!</definedName>
    <definedName name="D" localSheetId="6">#REF!</definedName>
    <definedName name="D">#REF!</definedName>
    <definedName name="DAIKA" localSheetId="6">#REF!</definedName>
    <definedName name="DAIKA">#REF!</definedName>
    <definedName name="data">[27]一位代価!$A:$IV</definedName>
    <definedName name="data1" localSheetId="6">#REF!</definedName>
    <definedName name="data1">#REF!</definedName>
    <definedName name="data12" localSheetId="6">#REF!</definedName>
    <definedName name="data12">#REF!</definedName>
    <definedName name="data2" localSheetId="6">#REF!</definedName>
    <definedName name="data2">#REF!</definedName>
    <definedName name="data3" localSheetId="6">#REF!</definedName>
    <definedName name="data3">#REF!</definedName>
    <definedName name="data4" localSheetId="6">#REF!</definedName>
    <definedName name="data4">#REF!</definedName>
    <definedName name="_xlnm.Database" localSheetId="6">#REF!</definedName>
    <definedName name="_xlnm.Database">#REF!</definedName>
    <definedName name="Database_MI" localSheetId="6">#REF!</definedName>
    <definedName name="Database_MI">#REF!</definedName>
    <definedName name="ｄｃ">[21]条件!$E$23</definedName>
    <definedName name="DD" localSheetId="6">#REF!</definedName>
    <definedName name="DD">#REF!</definedName>
    <definedName name="ddd" localSheetId="6">[11]!ピクチャ5_Click</definedName>
    <definedName name="ddd" localSheetId="5">[11]!ピクチャ5_Click</definedName>
    <definedName name="ddd">[11]!ピクチャ5_Click</definedName>
    <definedName name="dddd" localSheetId="6">[28]!Dialog3_ボタン2_Click</definedName>
    <definedName name="dddd" localSheetId="5">[28]!Dialog3_ボタン2_Click</definedName>
    <definedName name="dddd">[28]!Dialog3_ボタン2_Click</definedName>
    <definedName name="dddd3" localSheetId="6">[28]!Dialog3_ボタン2_Click</definedName>
    <definedName name="dddd3" localSheetId="5">[28]!Dialog3_ボタン2_Click</definedName>
    <definedName name="dddd3">[28]!Dialog3_ボタン2_Click</definedName>
    <definedName name="ｄｄｄｄｄ" localSheetId="6">[29]!ピクチャ5_Click</definedName>
    <definedName name="ｄｄｄｄｄ" localSheetId="5">[29]!ピクチャ5_Click</definedName>
    <definedName name="ｄｄｄｄｄ">[29]!ピクチャ5_Click</definedName>
    <definedName name="ddddd5" localSheetId="6">[28]!ピクチャ5_Click</definedName>
    <definedName name="ddddd5" localSheetId="5">[28]!ピクチャ5_Click</definedName>
    <definedName name="ddddd5">[28]!ピクチャ5_Click</definedName>
    <definedName name="DDDDDD" localSheetId="6">[30]!Dialog3_ボタン2_Click</definedName>
    <definedName name="DDDDDD" localSheetId="5">[30]!Dialog3_ボタン2_Click</definedName>
    <definedName name="DDDDDD">[30]!Dialog3_ボタン2_Click</definedName>
    <definedName name="ｄｆ">[21]条件!$C$24</definedName>
    <definedName name="Dialog3_ボタン2_Click" localSheetId="6">[31]!Dialog3_ボタン2_Click</definedName>
    <definedName name="Dialog3_ボタン2_Click" localSheetId="5">[31]!Dialog3_ボタン2_Click</definedName>
    <definedName name="Dialog3_ボタン2_Click">[31]!Dialog3_ボタン2_Click</definedName>
    <definedName name="DK">17902</definedName>
    <definedName name="DKT">19100</definedName>
    <definedName name="ＤＳ" localSheetId="6">#REF!</definedName>
    <definedName name="ＤＳ">#REF!</definedName>
    <definedName name="Dグランド照明" localSheetId="6">[26]内訳書!#REF!</definedName>
    <definedName name="Dグランド照明">[26]内訳書!#REF!</definedName>
    <definedName name="e">[0]!e</definedName>
    <definedName name="EC" localSheetId="6">#REF!</definedName>
    <definedName name="EC">#REF!</definedName>
    <definedName name="ED" localSheetId="6">#REF!</definedName>
    <definedName name="ED">#REF!</definedName>
    <definedName name="EF" localSheetId="6">#REF!</definedName>
    <definedName name="EF">#REF!</definedName>
    <definedName name="EG" localSheetId="6">#REF!</definedName>
    <definedName name="EG">#REF!</definedName>
    <definedName name="Eizen" localSheetId="6">[19]!Eizen</definedName>
    <definedName name="Eizen" localSheetId="5">[19]!Eizen</definedName>
    <definedName name="Eizen">[19]!Eizen</definedName>
    <definedName name="EIZEN5" hidden="1">{"設定1",#N/A,FALSE,"第5号-1";"設定2",#N/A,FALSE,"第5号-1"}</definedName>
    <definedName name="EizenHyouji" localSheetId="6">[19]!EizenHyouji</definedName>
    <definedName name="EizenHyouji" localSheetId="5">[19]!EizenHyouji</definedName>
    <definedName name="EizenHyouji">[19]!EizenHyouji</definedName>
    <definedName name="EK" localSheetId="6">#REF!</definedName>
    <definedName name="EK">#REF!</definedName>
    <definedName name="ES" localSheetId="6">#REF!</definedName>
    <definedName name="ES">#REF!</definedName>
    <definedName name="EV" localSheetId="6">#REF!</definedName>
    <definedName name="EV">#REF!</definedName>
    <definedName name="_xlnm.Extract" localSheetId="6">#REF!</definedName>
    <definedName name="_xlnm.Extract">#REF!</definedName>
    <definedName name="Extract_MI" localSheetId="6">#REF!</definedName>
    <definedName name="Extract_MI">#REF!</definedName>
    <definedName name="F" localSheetId="6">#REF!</definedName>
    <definedName name="F">#REF!</definedName>
    <definedName name="ｆｆ">[21]条件!$C$16</definedName>
    <definedName name="ｆｇ">[21]条件!$C$23</definedName>
    <definedName name="ｆｈ">[21]条件!$C$9</definedName>
    <definedName name="fhkjhyg" localSheetId="6">#REF!</definedName>
    <definedName name="fhkjhyg">#REF!</definedName>
    <definedName name="FL">[3]歩・屋!$D$4:$D$43</definedName>
    <definedName name="FNA" localSheetId="6">#REF!</definedName>
    <definedName name="FNA">#REF!</definedName>
    <definedName name="FOR総括表" localSheetId="6">#REF!</definedName>
    <definedName name="FOR総括表">#REF!</definedName>
    <definedName name="FROMV1" localSheetId="6">#REF!</definedName>
    <definedName name="FROMV1">#REF!</definedName>
    <definedName name="FS">14522</definedName>
    <definedName name="Ｇ" hidden="1">{#N/A,#N/A,FALSE,"内訳"}</definedName>
    <definedName name="GenbaKanri" localSheetId="6">[19]!GenbaKanri</definedName>
    <definedName name="GenbaKanri" localSheetId="5">[19]!GenbaKanri</definedName>
    <definedName name="GenbaKanri">[19]!GenbaKanri</definedName>
    <definedName name="GenbaKanriHyouji" localSheetId="6">[19]!GenbaKanriHyouji</definedName>
    <definedName name="GenbaKanriHyouji" localSheetId="5">[19]!GenbaKanriHyouji</definedName>
    <definedName name="GenbaKanriHyouji">[19]!GenbaKanriHyouji</definedName>
    <definedName name="gggg" localSheetId="6">#REF!</definedName>
    <definedName name="gggg">#REF!</definedName>
    <definedName name="gggggg" localSheetId="6">#REF!</definedName>
    <definedName name="gggggg">#REF!</definedName>
    <definedName name="ＧＴ">[3]歩・屋!$W$12</definedName>
    <definedName name="H" hidden="1">{#N/A,#N/A,FALSE,"内訳"}</definedName>
    <definedName name="hdata12" localSheetId="6">#REF!</definedName>
    <definedName name="hdata12">#REF!</definedName>
    <definedName name="HH" localSheetId="6">#REF!</definedName>
    <definedName name="HH">#REF!</definedName>
    <definedName name="ｈｈｈ">[3]歩・屋!$W$13</definedName>
    <definedName name="HK">17902</definedName>
    <definedName name="HOKAN" localSheetId="6">#REF!</definedName>
    <definedName name="HOKAN">#REF!</definedName>
    <definedName name="HS">0.2</definedName>
    <definedName name="HYOU" localSheetId="6">#REF!</definedName>
    <definedName name="HYOU">#REF!</definedName>
    <definedName name="HYOU1" localSheetId="6">#REF!</definedName>
    <definedName name="HYOU1">#REF!</definedName>
    <definedName name="I" localSheetId="6">#REF!</definedName>
    <definedName name="I">#REF!</definedName>
    <definedName name="IAS" localSheetId="6">#REF!</definedName>
    <definedName name="IAS">#REF!</definedName>
    <definedName name="iii" localSheetId="6" hidden="1">{"設定1",#N/A,FALSE,"第5号-1";"設定2",#N/A,FALSE,"第5号-1"}</definedName>
    <definedName name="iii" localSheetId="4" hidden="1">{"設定1",#N/A,FALSE,"第5号-1";"設定2",#N/A,FALSE,"第5号-1"}</definedName>
    <definedName name="iii" localSheetId="3" hidden="1">{"設定1",#N/A,FALSE,"第5号-1";"設定2",#N/A,FALSE,"第5号-1"}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 localSheetId="6">#REF!</definedName>
    <definedName name="IN_KNN">#REF!</definedName>
    <definedName name="INPUT" localSheetId="6">#REF!</definedName>
    <definedName name="INPUT">#REF!</definedName>
    <definedName name="INPUT1" localSheetId="6">#REF!</definedName>
    <definedName name="INPUT1">#REF!</definedName>
    <definedName name="INPUT2" localSheetId="6">#REF!</definedName>
    <definedName name="INPUT2">#REF!</definedName>
    <definedName name="int" localSheetId="6">#REF!</definedName>
    <definedName name="int">#REF!</definedName>
    <definedName name="IppanKanri" localSheetId="6">[19]!IppanKanri</definedName>
    <definedName name="IppanKanri" localSheetId="5">[19]!IppanKanri</definedName>
    <definedName name="IppanKanri">[19]!IppanKanri</definedName>
    <definedName name="IppanKanriHyouji" localSheetId="6">[19]!IppanKanriHyouji</definedName>
    <definedName name="IppanKanriHyouji" localSheetId="5">[19]!IppanKanriHyouji</definedName>
    <definedName name="IppanKanriHyouji">[19]!IppanKanriHyouji</definedName>
    <definedName name="J" localSheetId="6">#REF!</definedName>
    <definedName name="J">#REF!</definedName>
    <definedName name="ｊｊ">[21]条件!$C$21</definedName>
    <definedName name="Junbi" localSheetId="6">[19]!Junbi</definedName>
    <definedName name="Junbi" localSheetId="5">[19]!Junbi</definedName>
    <definedName name="Junbi">[19]!Junbi</definedName>
    <definedName name="JunbiHyouji" localSheetId="6">[19]!JunbiHyouji</definedName>
    <definedName name="JunbiHyouji" localSheetId="5">[19]!JunbiHyouji</definedName>
    <definedName name="JunbiHyouji">[19]!JunbiHyouji</definedName>
    <definedName name="K">[0]!K</definedName>
    <definedName name="keihi2" localSheetId="6" hidden="1">#REF!</definedName>
    <definedName name="keihi2" hidden="1">#REF!</definedName>
    <definedName name="KH">22720</definedName>
    <definedName name="KHK">0</definedName>
    <definedName name="kk">[0]!kk</definedName>
    <definedName name="kkk" localSheetId="6">[32]入力一般管理!#REF!</definedName>
    <definedName name="kkk">[32]入力一般管理!#REF!</definedName>
    <definedName name="kkkkk" localSheetId="6" hidden="1">{"設定1",#N/A,FALSE,"第5号-1";"設定2",#N/A,FALSE,"第5号-1"}</definedName>
    <definedName name="kkkkk" localSheetId="4" hidden="1">{"設定1",#N/A,FALSE,"第5号-1";"設定2",#N/A,FALSE,"第5号-1"}</definedName>
    <definedName name="kkkkk" localSheetId="3" hidden="1">{"設定1",#N/A,FALSE,"第5号-1";"設定2",#N/A,FALSE,"第5号-1"}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 localSheetId="6">#REF!</definedName>
    <definedName name="KR">#REF!</definedName>
    <definedName name="KS">0.18</definedName>
    <definedName name="kt">0</definedName>
    <definedName name="kw計" localSheetId="6">#REF!</definedName>
    <definedName name="kw計">#REF!</definedName>
    <definedName name="L">[0]!L</definedName>
    <definedName name="L3554Ｌ３０００" localSheetId="6">#REF!</definedName>
    <definedName name="L3554Ｌ３０００">#REF!</definedName>
    <definedName name="LL" localSheetId="6">#REF!</definedName>
    <definedName name="LL">#REF!</definedName>
    <definedName name="LOOPN" localSheetId="6">[23]表紙!#REF!</definedName>
    <definedName name="LOOPN">[23]表紙!#REF!</definedName>
    <definedName name="LOOPS" localSheetId="6">[23]表紙!#REF!</definedName>
    <definedName name="LOOPS">[23]表紙!#REF!</definedName>
    <definedName name="LOOP入" localSheetId="6">[23]表紙!#REF!</definedName>
    <definedName name="LOOP入">[23]表紙!#REF!</definedName>
    <definedName name="LOOP抜" localSheetId="6">[23]表紙!#REF!</definedName>
    <definedName name="LOOP抜">[23]表紙!#REF!</definedName>
    <definedName name="Ｍ" localSheetId="6">#REF!</definedName>
    <definedName name="Ｍ">#REF!</definedName>
    <definedName name="MENU" localSheetId="6">#REF!</definedName>
    <definedName name="MENU">#REF!</definedName>
    <definedName name="MENUA" localSheetId="6">[23]表紙!#REF!</definedName>
    <definedName name="MENUA">[23]表紙!#REF!</definedName>
    <definedName name="MENUB" localSheetId="6">[23]表紙!#REF!</definedName>
    <definedName name="MENUB">[23]表紙!#REF!</definedName>
    <definedName name="MENUE" localSheetId="6">[23]表紙!#REF!</definedName>
    <definedName name="MENUE">[23]表紙!#REF!</definedName>
    <definedName name="MENUP" localSheetId="6">[23]表紙!#REF!</definedName>
    <definedName name="MENUP">[23]表紙!#REF!</definedName>
    <definedName name="MENUP2" localSheetId="6">[23]表紙!#REF!</definedName>
    <definedName name="MENUP2">[23]表紙!#REF!</definedName>
    <definedName name="MI" localSheetId="6">#REF!</definedName>
    <definedName name="MI">#REF!</definedName>
    <definedName name="ｍｊ" localSheetId="6">'[22]３ページ'!#REF!</definedName>
    <definedName name="ｍｊ">'[22]３ページ'!#REF!</definedName>
    <definedName name="mm" localSheetId="6">[33]表紙!#REF!</definedName>
    <definedName name="mm">[33]表紙!#REF!</definedName>
    <definedName name="Module1.印刷">[0]!Module1.印刷</definedName>
    <definedName name="MP">17902</definedName>
    <definedName name="MT">2040</definedName>
    <definedName name="n" localSheetId="6">#REF!</definedName>
    <definedName name="n">#REF!</definedName>
    <definedName name="NAIYOU" localSheetId="6">#REF!</definedName>
    <definedName name="NAIYOU">#REF!</definedName>
    <definedName name="NL" localSheetId="6">#REF!</definedName>
    <definedName name="NL">#REF!</definedName>
    <definedName name="NO.0_NO.9" localSheetId="6">#REF!</definedName>
    <definedName name="NO.0_NO.9">#REF!</definedName>
    <definedName name="NO.105_NO.118" localSheetId="6">#REF!</definedName>
    <definedName name="NO.105_NO.118">#REF!</definedName>
    <definedName name="NO.23_NO.37" localSheetId="6">#REF!</definedName>
    <definedName name="NO.23_NO.37">#REF!</definedName>
    <definedName name="NO.37_NO.105" localSheetId="6">#REF!</definedName>
    <definedName name="NO.37_NO.105">#REF!</definedName>
    <definedName name="NO.9_NO.23" localSheetId="6">#REF!</definedName>
    <definedName name="NO.9_NO.23">#REF!</definedName>
    <definedName name="NV">'[34]代価表 '!$Z$2</definedName>
    <definedName name="O" localSheetId="6">[35]!ピクチャ5_Click</definedName>
    <definedName name="O" localSheetId="5">[35]!ピクチャ5_Click</definedName>
    <definedName name="O">[35]!ピクチャ5_Click</definedName>
    <definedName name="P" localSheetId="6">#REF!</definedName>
    <definedName name="P">#REF!</definedName>
    <definedName name="Ｐ_11" localSheetId="6">#REF!</definedName>
    <definedName name="Ｐ_11">#REF!</definedName>
    <definedName name="Ｐ_12" localSheetId="6">#REF!</definedName>
    <definedName name="Ｐ_12">#REF!</definedName>
    <definedName name="Ｐ_13" localSheetId="6">#REF!</definedName>
    <definedName name="Ｐ_13">#REF!</definedName>
    <definedName name="Ｐ_14" localSheetId="6">#REF!</definedName>
    <definedName name="Ｐ_14">#REF!</definedName>
    <definedName name="Ｐ_15" localSheetId="6">#REF!</definedName>
    <definedName name="Ｐ_15">#REF!</definedName>
    <definedName name="PAC費" localSheetId="6">#REF!</definedName>
    <definedName name="PAC費">#REF!</definedName>
    <definedName name="PBOX200" localSheetId="6">[24]ｹｰﾌﾞﾙ計!#REF!</definedName>
    <definedName name="PBOX200">[24]ｹｰﾌﾞﾙ計!#REF!</definedName>
    <definedName name="PE管28" localSheetId="6">[24]ｹｰﾌﾞﾙ計!#REF!</definedName>
    <definedName name="PE管28">[24]ｹｰﾌﾞﾙ計!#REF!</definedName>
    <definedName name="PE管42" localSheetId="6">[24]ｹｰﾌﾞﾙ計!#REF!</definedName>
    <definedName name="PE管42">[24]ｹｰﾌﾞﾙ計!#REF!</definedName>
    <definedName name="PMI" localSheetId="6">#REF!</definedName>
    <definedName name="PMI">#REF!</definedName>
    <definedName name="po" localSheetId="6">#REF!</definedName>
    <definedName name="po">#REF!</definedName>
    <definedName name="PP">0.8</definedName>
    <definedName name="PR_KBN" localSheetId="6">#REF!</definedName>
    <definedName name="PR_KBN">#REF!</definedName>
    <definedName name="PR_MSG" localSheetId="6">#REF!</definedName>
    <definedName name="PR_MSG">#REF!</definedName>
    <definedName name="PRI" localSheetId="6">#REF!</definedName>
    <definedName name="PRI">#REF!</definedName>
    <definedName name="PRINT" localSheetId="6">#REF!</definedName>
    <definedName name="PRINT">#REF!</definedName>
    <definedName name="_xlnm.Print_Area" localSheetId="2">内訳書!$A$1:$I$74</definedName>
    <definedName name="_xlnm.Print_Area" localSheetId="1">'内訳書（設計業務）'!$A$1:$L$49</definedName>
    <definedName name="_xlnm.Print_Area" localSheetId="6">配水池設計!$A$1:$J$21</definedName>
    <definedName name="_xlnm.Print_Area" localSheetId="0">表紙!$A$1:$AR$33</definedName>
    <definedName name="_xlnm.Print_Area" localSheetId="5">明細書!$A$1:$I$37</definedName>
    <definedName name="_xlnm.Print_Area" localSheetId="4">'明細書（現場調査）'!$A$1:$K$17</definedName>
    <definedName name="_xlnm.Print_Area" localSheetId="3">'明細書（設計協議）'!$A$1:$K$17</definedName>
    <definedName name="_xlnm.Print_Area">#REF!</definedName>
    <definedName name="PRINT_AREA_MI" localSheetId="6">[36]内訳書１!#REF!</definedName>
    <definedName name="PRINT_AREA_MI">[36]内訳書１!#REF!</definedName>
    <definedName name="Print_Area１" localSheetId="6">#REF!</definedName>
    <definedName name="Print_Area１">#REF!</definedName>
    <definedName name="Print_Area２" localSheetId="6">[37]消火栓材料表!#REF!</definedName>
    <definedName name="Print_Area２">[37]消火栓材料表!#REF!</definedName>
    <definedName name="Print_Area3" localSheetId="6">#REF!</definedName>
    <definedName name="Print_Area3">#REF!</definedName>
    <definedName name="Print_Area4" localSheetId="6">#REF!</definedName>
    <definedName name="Print_Area4">#REF!</definedName>
    <definedName name="Print_Area5" localSheetId="6">#REF!</definedName>
    <definedName name="Print_Area5">#REF!</definedName>
    <definedName name="_xlnm.Print_Titles" localSheetId="6">#REF!</definedName>
    <definedName name="_xlnm.Print_Titles">#REF!</definedName>
    <definedName name="PRINT_TITLES_MI" localSheetId="6">#REF!</definedName>
    <definedName name="PRINT_TITLES_MI">#REF!</definedName>
    <definedName name="prn" localSheetId="6">#REF!</definedName>
    <definedName name="prn">#REF!</definedName>
    <definedName name="PT_11" localSheetId="6">#REF!</definedName>
    <definedName name="PT_11">#REF!</definedName>
    <definedName name="PT_12" localSheetId="6">#REF!</definedName>
    <definedName name="PT_12">#REF!</definedName>
    <definedName name="PT_13" localSheetId="6">#REF!</definedName>
    <definedName name="PT_13">#REF!</definedName>
    <definedName name="PT_14" localSheetId="6">#REF!</definedName>
    <definedName name="PT_14">#REF!</definedName>
    <definedName name="PT_15" localSheetId="6">#REF!</definedName>
    <definedName name="PT_15">#REF!</definedName>
    <definedName name="PT_16" localSheetId="6">#REF!</definedName>
    <definedName name="PT_16">#REF!</definedName>
    <definedName name="Q" localSheetId="6">#REF!</definedName>
    <definedName name="Q">#REF!</definedName>
    <definedName name="QD" localSheetId="6">#REF!</definedName>
    <definedName name="QD">#REF!</definedName>
    <definedName name="QH" localSheetId="6">#REF!</definedName>
    <definedName name="QH">#REF!</definedName>
    <definedName name="ｑｑ">'[22]３ページ'!$L$17</definedName>
    <definedName name="ｑｑｑｑｑ" localSheetId="6">[38]!Dialog3_ボタン2_Click</definedName>
    <definedName name="ｑｑｑｑｑ" localSheetId="5">[38]!Dialog3_ボタン2_Click</definedName>
    <definedName name="ｑｑｑｑｑ">[38]!Dialog3_ボタン2_Click</definedName>
    <definedName name="ｑｔ" localSheetId="6">'[39]２ページ'!#REF!</definedName>
    <definedName name="ｑｔ">'[39]２ページ'!#REF!</definedName>
    <definedName name="ｑｗ" hidden="1">{"設定1",#N/A,FALSE,"第5号-1";"設定2",#N/A,FALSE,"第5号-1"}</definedName>
    <definedName name="qwe">[0]!qwe</definedName>
    <definedName name="qwu" localSheetId="6" hidden="1">{"設定1",#N/A,FALSE,"第5号-1";"設定2",#N/A,FALSE,"第5号-1"}</definedName>
    <definedName name="qwu" localSheetId="4" hidden="1">{"設定1",#N/A,FALSE,"第5号-1";"設定2",#N/A,FALSE,"第5号-1"}</definedName>
    <definedName name="qwu" localSheetId="3" hidden="1">{"設定1",#N/A,FALSE,"第5号-1";"設定2",#N/A,FALSE,"第5号-1"}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 localSheetId="6">'[39]２ページ'!#REF!</definedName>
    <definedName name="ｑｙ">'[39]２ページ'!#REF!</definedName>
    <definedName name="R_ガラス工" localSheetId="6">#REF!</definedName>
    <definedName name="R_ガラス工">#REF!</definedName>
    <definedName name="R_サッシ工" localSheetId="6">#REF!</definedName>
    <definedName name="R_サッシ工">#REF!</definedName>
    <definedName name="R_タイル工" localSheetId="6">#REF!</definedName>
    <definedName name="R_タイル工">#REF!</definedName>
    <definedName name="R_ダクト工" localSheetId="6">#REF!</definedName>
    <definedName name="R_ダクト工">#REF!</definedName>
    <definedName name="R_とび工" localSheetId="6">#REF!</definedName>
    <definedName name="R_とび工">#REF!</definedName>
    <definedName name="R_はつり工" localSheetId="6">#REF!</definedName>
    <definedName name="R_はつり工">#REF!</definedName>
    <definedName name="R_ブロック工" localSheetId="6">#REF!</definedName>
    <definedName name="R_ブロック工">#REF!</definedName>
    <definedName name="R_運転手_一般_" localSheetId="6">#REF!</definedName>
    <definedName name="R_運転手_一般_">#REF!</definedName>
    <definedName name="R_運転手_特殊_" localSheetId="6">#REF!</definedName>
    <definedName name="R_運転手_特殊_">#REF!</definedName>
    <definedName name="R_屋根ふき工" localSheetId="6">#REF!</definedName>
    <definedName name="R_屋根ふき工">#REF!</definedName>
    <definedName name="R_型枠工" localSheetId="6">#REF!</definedName>
    <definedName name="R_型枠工">#REF!</definedName>
    <definedName name="R_軽作業員" localSheetId="6">#REF!</definedName>
    <definedName name="R_軽作業員">#REF!</definedName>
    <definedName name="R_建具工" localSheetId="6">#REF!</definedName>
    <definedName name="R_建具工">#REF!</definedName>
    <definedName name="R_建築ブロック" localSheetId="6">#REF!</definedName>
    <definedName name="R_建築ブロック">#REF!</definedName>
    <definedName name="R_工場派遣作業" localSheetId="6">#REF!</definedName>
    <definedName name="R_工場派遣作業">#REF!</definedName>
    <definedName name="R_左官" localSheetId="6">#REF!</definedName>
    <definedName name="R_左官">#REF!</definedName>
    <definedName name="R_石工" localSheetId="6">#REF!</definedName>
    <definedName name="R_石工">#REF!</definedName>
    <definedName name="R_設備機械工" localSheetId="6">#REF!</definedName>
    <definedName name="R_設備機械工">#REF!</definedName>
    <definedName name="R_造園工" localSheetId="6">#REF!</definedName>
    <definedName name="R_造園工">#REF!</definedName>
    <definedName name="R_大工" localSheetId="6">#REF!</definedName>
    <definedName name="R_大工">#REF!</definedName>
    <definedName name="R_鉄筋工" localSheetId="6">#REF!</definedName>
    <definedName name="R_鉄筋工">#REF!</definedName>
    <definedName name="R_鉄骨工" localSheetId="6">#REF!</definedName>
    <definedName name="R_鉄骨工">#REF!</definedName>
    <definedName name="R_電工" localSheetId="6">#REF!</definedName>
    <definedName name="R_電工">#REF!</definedName>
    <definedName name="R_塗装工" localSheetId="6">#REF!</definedName>
    <definedName name="R_塗装工">#REF!</definedName>
    <definedName name="R_土木一般世話" localSheetId="6">#REF!</definedName>
    <definedName name="R_土木一般世話">#REF!</definedName>
    <definedName name="R_特殊作業員" localSheetId="6">#REF!</definedName>
    <definedName name="R_特殊作業員">#REF!</definedName>
    <definedName name="R_内装工" localSheetId="6">#REF!</definedName>
    <definedName name="R_内装工">#REF!</definedName>
    <definedName name="R_配管工" localSheetId="6">#REF!</definedName>
    <definedName name="R_配管工">#REF!</definedName>
    <definedName name="R_板金工" localSheetId="6">#REF!</definedName>
    <definedName name="R_板金工">#REF!</definedName>
    <definedName name="R_普通作業員" localSheetId="6">#REF!</definedName>
    <definedName name="R_普通作業員">#REF!</definedName>
    <definedName name="R_保温工" localSheetId="6">#REF!</definedName>
    <definedName name="R_保温工">#REF!</definedName>
    <definedName name="R_法面工" localSheetId="6">#REF!</definedName>
    <definedName name="R_法面工">#REF!</definedName>
    <definedName name="R_防水工" localSheetId="6">#REF!</definedName>
    <definedName name="R_防水工">#REF!</definedName>
    <definedName name="R_溶接工" localSheetId="6">#REF!</definedName>
    <definedName name="R_溶接工">#REF!</definedName>
    <definedName name="RE" localSheetId="6">#REF!</definedName>
    <definedName name="RE">#REF!</definedName>
    <definedName name="Record1">[0]!Record1</definedName>
    <definedName name="Record12">[0]!Record12</definedName>
    <definedName name="Record2">[0]!Record2</definedName>
    <definedName name="RENP" localSheetId="6">#REF!</definedName>
    <definedName name="RENP">#REF!</definedName>
    <definedName name="RF" localSheetId="6">#REF!</definedName>
    <definedName name="RF">#REF!</definedName>
    <definedName name="ro">'[3]拾・幹線(屋)'!$O$10</definedName>
    <definedName name="rr" localSheetId="6">[40]!Dialog3_ボタン2_Click</definedName>
    <definedName name="rr" localSheetId="5">[40]!Dialog3_ボタン2_Click</definedName>
    <definedName name="rr">[40]!Dialog3_ボタン2_Click</definedName>
    <definedName name="RS" localSheetId="6">#REF!</definedName>
    <definedName name="RS">#REF!</definedName>
    <definedName name="RUM" localSheetId="6">#REF!</definedName>
    <definedName name="RUM">#REF!</definedName>
    <definedName name="RV" localSheetId="6">#REF!</definedName>
    <definedName name="RV">#REF!</definedName>
    <definedName name="s" localSheetId="6">#REF!</definedName>
    <definedName name="s">#REF!</definedName>
    <definedName name="sa" localSheetId="6">'[39]３ページ'!#REF!</definedName>
    <definedName name="sa">'[39]３ページ'!#REF!</definedName>
    <definedName name="SAB" localSheetId="6">#REF!</definedName>
    <definedName name="SAB">#REF!</definedName>
    <definedName name="SCV" localSheetId="6">#REF!</definedName>
    <definedName name="SCV">#REF!</definedName>
    <definedName name="sk" localSheetId="6">'[22]３ページ'!#REF!</definedName>
    <definedName name="sk">'[22]３ページ'!#REF!</definedName>
    <definedName name="SKｿｹｯﾄφ20" localSheetId="6">#REF!</definedName>
    <definedName name="SKｿｹｯﾄφ20">#REF!</definedName>
    <definedName name="SKｿｹｯﾄφ40" localSheetId="6">#REF!</definedName>
    <definedName name="SKｿｹｯﾄφ40">#REF!</definedName>
    <definedName name="smif" localSheetId="6">[41]機器等据付工!#REF!</definedName>
    <definedName name="smif">[41]機器等据付工!#REF!</definedName>
    <definedName name="SONI" localSheetId="6">#REF!</definedName>
    <definedName name="SONI">#REF!</definedName>
    <definedName name="SONO" localSheetId="6">#REF!</definedName>
    <definedName name="SONO">#REF!</definedName>
    <definedName name="SPK">17940</definedName>
    <definedName name="SQRT" localSheetId="6">#REF!</definedName>
    <definedName name="SQRT">#REF!</definedName>
    <definedName name="ｓｒ" localSheetId="6">[14]土工!#REF!</definedName>
    <definedName name="ｓｒ">[14]土工!#REF!</definedName>
    <definedName name="SUB" localSheetId="6">#REF!</definedName>
    <definedName name="SUB">#REF!</definedName>
    <definedName name="SUS屋内" localSheetId="6">#REF!</definedName>
    <definedName name="SUS屋内">#REF!</definedName>
    <definedName name="SUS据付" localSheetId="6">#REF!</definedName>
    <definedName name="SUS据付">#REF!</definedName>
    <definedName name="ｔ">[0]!ｔ</definedName>
    <definedName name="TANKA">'[42]H15年度4月-企業庁・県建設部単価表'!$A$5:$H$490</definedName>
    <definedName name="TF" localSheetId="6">#REF!</definedName>
    <definedName name="TF">#REF!</definedName>
    <definedName name="to">'[3]拾・幹線(屋)'!$O$14</definedName>
    <definedName name="TORA">'[3]#REF'!$C$5:$S$38</definedName>
    <definedName name="TPAJI" localSheetId="6">#REF!</definedName>
    <definedName name="TPAJI">#REF!</definedName>
    <definedName name="TS">16892</definedName>
    <definedName name="T区" localSheetId="6">#REF!</definedName>
    <definedName name="T区">#REF!</definedName>
    <definedName name="U">[0]!U</definedName>
    <definedName name="UG" localSheetId="6">#REF!</definedName>
    <definedName name="UG">#REF!</definedName>
    <definedName name="UHY" localSheetId="6">#REF!</definedName>
    <definedName name="UHY">#REF!</definedName>
    <definedName name="Unnpan" localSheetId="6">[19]!Unnpan</definedName>
    <definedName name="Unnpan" localSheetId="5">[19]!Unnpan</definedName>
    <definedName name="Unnpan">[19]!Unnpan</definedName>
    <definedName name="V" localSheetId="6">#REF!</definedName>
    <definedName name="V">#REF!</definedName>
    <definedName name="ｖｆ" localSheetId="6">'[22]３ページ'!#REF!</definedName>
    <definedName name="ｖｆ">'[22]３ページ'!#REF!</definedName>
    <definedName name="VNJ" localSheetId="6">#REF!</definedName>
    <definedName name="VNJ">#REF!</definedName>
    <definedName name="VP.VU据付" localSheetId="6">#REF!</definedName>
    <definedName name="VP.VU据付">#REF!</definedName>
    <definedName name="VU屋内" localSheetId="6">#REF!</definedName>
    <definedName name="VU屋内">#REF!</definedName>
    <definedName name="ｖｖ">[43]条件!$C$6</definedName>
    <definedName name="W" localSheetId="6">#REF!</definedName>
    <definedName name="W">#REF!</definedName>
    <definedName name="WA" localSheetId="6">#REF!</definedName>
    <definedName name="WA">#REF!</definedName>
    <definedName name="WIR_D_34" localSheetId="6">#REF!</definedName>
    <definedName name="WIR_D_34">#REF!</definedName>
    <definedName name="wrn.１７." hidden="1">{#N/A,#N/A,FALSE,"Sheet16";#N/A,#N/A,FALSE,"Sheet16"}</definedName>
    <definedName name="wrn.REP1." localSheetId="6" hidden="1">{"設定1",#N/A,FALSE,"第5号-1";"設定2",#N/A,FALSE,"第5号-1"}</definedName>
    <definedName name="wrn.REP1." localSheetId="4" hidden="1">{"設定1",#N/A,FALSE,"第5号-1";"設定2",#N/A,FALSE,"第5号-1"}</definedName>
    <definedName name="wrn.REP1." localSheetId="3" hidden="1">{"設定1",#N/A,FALSE,"第5号-1";"設定2",#N/A,FALSE,"第5号-1"}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localSheetId="6" hidden="1">{"設定1",#N/A,FALSE,"第5号-1";"設定2",#N/A,FALSE,"第5号-1"}</definedName>
    <definedName name="wrn.REP2" localSheetId="4" hidden="1">{"設定1",#N/A,FALSE,"第5号-1";"設定2",#N/A,FALSE,"第5号-1"}</definedName>
    <definedName name="wrn.REP2" localSheetId="3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レポート." hidden="1">{#N/A,#N/A,FALSE,"内訳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 localSheetId="6">[44]Code!#REF!</definedName>
    <definedName name="ｗｓ">[44]Code!#REF!</definedName>
    <definedName name="ｗｗ" localSheetId="6">'[39]３ページ'!#REF!</definedName>
    <definedName name="ｗｗ">'[39]３ページ'!#REF!</definedName>
    <definedName name="X" localSheetId="6">#REF!</definedName>
    <definedName name="X">#REF!</definedName>
    <definedName name="XC" localSheetId="6">#REF!</definedName>
    <definedName name="XC">#REF!</definedName>
    <definedName name="XMIN" localSheetId="6">#REF!</definedName>
    <definedName name="XMIN">#REF!</definedName>
    <definedName name="ｘｘ">[21]条件!$C$11</definedName>
    <definedName name="Y">[0]!Y</definedName>
    <definedName name="Yusou" localSheetId="6">[19]!Yusou</definedName>
    <definedName name="Yusou" localSheetId="5">[19]!Yusou</definedName>
    <definedName name="Yusou">[19]!Yusou</definedName>
    <definedName name="YusouHyouji" localSheetId="6">[19]!YusouHyouji</definedName>
    <definedName name="YusouHyouji" localSheetId="5">[19]!YusouHyouji</definedName>
    <definedName name="YusouHyouji">[19]!YusouHyouji</definedName>
    <definedName name="ｙｙ" localSheetId="6">[23]表紙!#REF!</definedName>
    <definedName name="ｙｙ">[23]表紙!#REF!</definedName>
    <definedName name="ｙｙｙ" localSheetId="6">#REF!</definedName>
    <definedName name="ｙｙｙ">#REF!</definedName>
    <definedName name="Z" localSheetId="6">#REF!</definedName>
    <definedName name="Z">#REF!</definedName>
    <definedName name="ZAI" localSheetId="6">#REF!</definedName>
    <definedName name="ZAI">#REF!</definedName>
    <definedName name="ZAT1" localSheetId="6">#REF!</definedName>
    <definedName name="ZAT1">#REF!</definedName>
    <definedName name="zat2" localSheetId="6">#REF!</definedName>
    <definedName name="zat2">#REF!</definedName>
    <definedName name="ZAT3" localSheetId="6">#REF!</definedName>
    <definedName name="ZAT3">#REF!</definedName>
    <definedName name="ZX" localSheetId="6">[45]!ピクチャ5_Click</definedName>
    <definedName name="ZX" localSheetId="5">[45]!ピクチャ5_Click</definedName>
    <definedName name="ZX">[45]!ピクチャ5_Click</definedName>
    <definedName name="Z一般管理費" localSheetId="6">#REF!</definedName>
    <definedName name="Z一般管理費">#REF!</definedName>
    <definedName name="Z一般管理費1" localSheetId="6">#REF!</definedName>
    <definedName name="Z一般管理費1">#REF!</definedName>
    <definedName name="Z一般管理費2" localSheetId="6">#REF!</definedName>
    <definedName name="Z一般管理費2">#REF!</definedName>
    <definedName name="Z一般管理費3" localSheetId="6">#REF!</definedName>
    <definedName name="Z一般管理費3">#REF!</definedName>
    <definedName name="Z一般労務費" localSheetId="6">#REF!</definedName>
    <definedName name="Z一般労務費">#REF!</definedName>
    <definedName name="Z一般労務費1" localSheetId="6">#REF!</definedName>
    <definedName name="Z一般労務費1">#REF!</definedName>
    <definedName name="Z一般労務費2" localSheetId="6">#REF!</definedName>
    <definedName name="Z一般労務費2">#REF!</definedName>
    <definedName name="Z一般労務費3" localSheetId="6">#REF!</definedName>
    <definedName name="Z一般労務費3">#REF!</definedName>
    <definedName name="Z間接工事費" localSheetId="6">#REF!</definedName>
    <definedName name="Z間接工事費">#REF!</definedName>
    <definedName name="Z間接工事費1" localSheetId="6">#REF!</definedName>
    <definedName name="Z間接工事費1">#REF!</definedName>
    <definedName name="Z間接工事費2" localSheetId="6">#REF!</definedName>
    <definedName name="Z間接工事費2">#REF!</definedName>
    <definedName name="Z間接工事費3" localSheetId="6">#REF!</definedName>
    <definedName name="Z間接工事費3">#REF!</definedName>
    <definedName name="Z機械経費" localSheetId="6">#REF!</definedName>
    <definedName name="Z機械経費">#REF!</definedName>
    <definedName name="Z機械経費1" localSheetId="6">#REF!</definedName>
    <definedName name="Z機械経費1">#REF!</definedName>
    <definedName name="Z機械経費2" localSheetId="6">#REF!</definedName>
    <definedName name="Z機械経費2">#REF!</definedName>
    <definedName name="Z機械経費3" localSheetId="6">#REF!</definedName>
    <definedName name="Z機械経費3">#REF!</definedName>
    <definedName name="Z機器費" localSheetId="6">#REF!</definedName>
    <definedName name="Z機器費">#REF!</definedName>
    <definedName name="Z機器費1" localSheetId="6">#REF!</definedName>
    <definedName name="Z機器費1">#REF!</definedName>
    <definedName name="Z機器費2" localSheetId="6">#REF!</definedName>
    <definedName name="Z機器費2">#REF!</definedName>
    <definedName name="Z機器費3" localSheetId="6">#REF!</definedName>
    <definedName name="Z機器費3">#REF!</definedName>
    <definedName name="Z技術費" localSheetId="6">#REF!</definedName>
    <definedName name="Z技術費">#REF!</definedName>
    <definedName name="Z技術費1" localSheetId="6">#REF!</definedName>
    <definedName name="Z技術費1">#REF!</definedName>
    <definedName name="Z技術費2" localSheetId="6">#REF!</definedName>
    <definedName name="Z技術費2">#REF!</definedName>
    <definedName name="Z技術費3" localSheetId="6">#REF!</definedName>
    <definedName name="Z技術費3">#REF!</definedName>
    <definedName name="Z共通仮設費" localSheetId="6">#REF!</definedName>
    <definedName name="Z共通仮設費">#REF!</definedName>
    <definedName name="Z共通仮設費1" localSheetId="6">#REF!</definedName>
    <definedName name="Z共通仮設費1">#REF!</definedName>
    <definedName name="Z共通仮設費2" localSheetId="6">#REF!</definedName>
    <definedName name="Z共通仮設費2">#REF!</definedName>
    <definedName name="Z共通仮設費3" localSheetId="6">#REF!</definedName>
    <definedName name="Z共通仮設費3">#REF!</definedName>
    <definedName name="Z現場間接費" localSheetId="6">#REF!</definedName>
    <definedName name="Z現場間接費">#REF!</definedName>
    <definedName name="Z現場間接費1" localSheetId="6">#REF!</definedName>
    <definedName name="Z現場間接費1">#REF!</definedName>
    <definedName name="Z現場間接費2" localSheetId="6">#REF!</definedName>
    <definedName name="Z現場間接費2">#REF!</definedName>
    <definedName name="Z現場間接費3" localSheetId="6">#REF!</definedName>
    <definedName name="Z現場間接費3">#REF!</definedName>
    <definedName name="Z工事価格" localSheetId="6">#REF!</definedName>
    <definedName name="Z工事価格">#REF!</definedName>
    <definedName name="Z工事価格1" localSheetId="6">#REF!</definedName>
    <definedName name="Z工事価格1">#REF!</definedName>
    <definedName name="Z工事価格2" localSheetId="6">#REF!</definedName>
    <definedName name="Z工事価格2">#REF!</definedName>
    <definedName name="Z工事価格3" localSheetId="6">#REF!</definedName>
    <definedName name="Z工事価格3">#REF!</definedName>
    <definedName name="Z工事原価" localSheetId="6">#REF!</definedName>
    <definedName name="Z工事原価">#REF!</definedName>
    <definedName name="Z工事原価1" localSheetId="6">#REF!</definedName>
    <definedName name="Z工事原価1">#REF!</definedName>
    <definedName name="Z工事原価2" localSheetId="6">#REF!</definedName>
    <definedName name="Z工事原価2">#REF!</definedName>
    <definedName name="Z工事原価3" localSheetId="6">#REF!</definedName>
    <definedName name="Z工事原価3">#REF!</definedName>
    <definedName name="Z工派計" localSheetId="6">#REF!</definedName>
    <definedName name="Z工派計">#REF!</definedName>
    <definedName name="Z工派計1" localSheetId="6">#REF!</definedName>
    <definedName name="Z工派計1">#REF!</definedName>
    <definedName name="Z工派計2" localSheetId="6">#REF!</definedName>
    <definedName name="Z工派計2">#REF!</definedName>
    <definedName name="Z工派計3" localSheetId="6">#REF!</definedName>
    <definedName name="Z工派計3">#REF!</definedName>
    <definedName name="Z工派試験" localSheetId="6">#REF!</definedName>
    <definedName name="Z工派試験">#REF!</definedName>
    <definedName name="Z工派試験1" localSheetId="6">#REF!</definedName>
    <definedName name="Z工派試験1">#REF!</definedName>
    <definedName name="Z工派試験2" localSheetId="6">#REF!</definedName>
    <definedName name="Z工派試験2">#REF!</definedName>
    <definedName name="Z工派試験3" localSheetId="6">#REF!</definedName>
    <definedName name="Z工派試験3">#REF!</definedName>
    <definedName name="Z工派据付" localSheetId="6">#REF!</definedName>
    <definedName name="Z工派据付">#REF!</definedName>
    <definedName name="Z工派据付1" localSheetId="6">#REF!</definedName>
    <definedName name="Z工派据付1">#REF!</definedName>
    <definedName name="Z工派据付2" localSheetId="6">#REF!</definedName>
    <definedName name="Z工派据付2">#REF!</definedName>
    <definedName name="Z工派据付3" localSheetId="6">#REF!</definedName>
    <definedName name="Z工派据付3">#REF!</definedName>
    <definedName name="Z材料費" localSheetId="6">#REF!</definedName>
    <definedName name="Z材料費">#REF!</definedName>
    <definedName name="Z材料費1" localSheetId="6">#REF!</definedName>
    <definedName name="Z材料費1">#REF!</definedName>
    <definedName name="Z材料費2" localSheetId="6">#REF!</definedName>
    <definedName name="Z材料費2">#REF!</definedName>
    <definedName name="Z材料費3" localSheetId="6">#REF!</definedName>
    <definedName name="Z材料費3">#REF!</definedName>
    <definedName name="Z試運転費" localSheetId="6">#REF!</definedName>
    <definedName name="Z試運転費">#REF!</definedName>
    <definedName name="Z試運転費1" localSheetId="6">#REF!</definedName>
    <definedName name="Z試運転費1">#REF!</definedName>
    <definedName name="Z試運転費2" localSheetId="6">#REF!</definedName>
    <definedName name="Z試運転費2">#REF!</definedName>
    <definedName name="Z試運転費3" localSheetId="6">#REF!</definedName>
    <definedName name="Z試運転費3">#REF!</definedName>
    <definedName name="Z純工事" localSheetId="6">#REF!</definedName>
    <definedName name="Z純工事">#REF!</definedName>
    <definedName name="Z純工事1" localSheetId="6">#REF!</definedName>
    <definedName name="Z純工事1">#REF!</definedName>
    <definedName name="Z純工事2" localSheetId="6">#REF!</definedName>
    <definedName name="Z純工事2">#REF!</definedName>
    <definedName name="Z純工事3" localSheetId="6">#REF!</definedName>
    <definedName name="Z純工事3">#REF!</definedName>
    <definedName name="Z水道光熱" localSheetId="6">#REF!</definedName>
    <definedName name="Z水道光熱">#REF!</definedName>
    <definedName name="Z水道光熱1" localSheetId="6">#REF!</definedName>
    <definedName name="Z水道光熱1">#REF!</definedName>
    <definedName name="Z水道光熱2" localSheetId="6">#REF!</definedName>
    <definedName name="Z水道光熱2">#REF!</definedName>
    <definedName name="Z水道光熱3" localSheetId="6">#REF!</definedName>
    <definedName name="Z水道光熱3">#REF!</definedName>
    <definedName name="Z据付間接費" localSheetId="6">#REF!</definedName>
    <definedName name="Z据付間接費">#REF!</definedName>
    <definedName name="Z据付間接費1" localSheetId="6">#REF!</definedName>
    <definedName name="Z据付間接費1">#REF!</definedName>
    <definedName name="Z据付間接費2" localSheetId="6">#REF!</definedName>
    <definedName name="Z据付間接費2">#REF!</definedName>
    <definedName name="Z据付間接費3" localSheetId="6">#REF!</definedName>
    <definedName name="Z据付間接費3">#REF!</definedName>
    <definedName name="Z据付工間接" localSheetId="6">#REF!</definedName>
    <definedName name="Z据付工間接">#REF!</definedName>
    <definedName name="Z据付工間接1" localSheetId="6">#REF!</definedName>
    <definedName name="Z据付工間接1">#REF!</definedName>
    <definedName name="Z据付工間接2" localSheetId="6">#REF!</definedName>
    <definedName name="Z据付工間接2">#REF!</definedName>
    <definedName name="Z据付工間接3" localSheetId="6">#REF!</definedName>
    <definedName name="Z据付工間接3">#REF!</definedName>
    <definedName name="Z据付費" localSheetId="6">#REF!</definedName>
    <definedName name="Z据付費">#REF!</definedName>
    <definedName name="Z据付費1" localSheetId="6">#REF!</definedName>
    <definedName name="Z据付費1">#REF!</definedName>
    <definedName name="Z据付費2" localSheetId="6">#REF!</definedName>
    <definedName name="Z据付費2">#REF!</definedName>
    <definedName name="Z据付費3" localSheetId="6">#REF!</definedName>
    <definedName name="Z据付費3">#REF!</definedName>
    <definedName name="Z組合せ試験" localSheetId="6">#REF!</definedName>
    <definedName name="Z組合せ試験">#REF!</definedName>
    <definedName name="Z組合せ試験1" localSheetId="6">#REF!</definedName>
    <definedName name="Z組合せ試験1">#REF!</definedName>
    <definedName name="Z組合せ試験2" localSheetId="6">#REF!</definedName>
    <definedName name="Z組合せ試験2">#REF!</definedName>
    <definedName name="Z組合せ試験3" localSheetId="6">#REF!</definedName>
    <definedName name="Z組合せ試験3">#REF!</definedName>
    <definedName name="Z総合試運転" localSheetId="6">#REF!</definedName>
    <definedName name="Z総合試運転">#REF!</definedName>
    <definedName name="Z総合試運転1" localSheetId="6">#REF!</definedName>
    <definedName name="Z総合試運転1">#REF!</definedName>
    <definedName name="Z総合試運転2" localSheetId="6">#REF!</definedName>
    <definedName name="Z総合試運転2">#REF!</definedName>
    <definedName name="Z総合試運転3" localSheetId="6">#REF!</definedName>
    <definedName name="Z総合試運転3">#REF!</definedName>
    <definedName name="Z直工" localSheetId="6">#REF!</definedName>
    <definedName name="Z直工">#REF!</definedName>
    <definedName name="Z直工1" localSheetId="6">#REF!</definedName>
    <definedName name="Z直工1">#REF!</definedName>
    <definedName name="Z直工2" localSheetId="6">#REF!</definedName>
    <definedName name="Z直工2">#REF!</definedName>
    <definedName name="Z直工3" localSheetId="6">#REF!</definedName>
    <definedName name="Z直工3">#REF!</definedName>
    <definedName name="Z直接経費" localSheetId="6">#REF!</definedName>
    <definedName name="Z直接経費">#REF!</definedName>
    <definedName name="Z直接経費1" localSheetId="6">#REF!</definedName>
    <definedName name="Z直接経費1">#REF!</definedName>
    <definedName name="Z直接経費2" localSheetId="6">#REF!</definedName>
    <definedName name="Z直接経費2">#REF!</definedName>
    <definedName name="Z直接経費3" localSheetId="6">#REF!</definedName>
    <definedName name="Z直接経費3">#REF!</definedName>
    <definedName name="Z直接材料費" localSheetId="6">#REF!</definedName>
    <definedName name="Z直接材料費">#REF!</definedName>
    <definedName name="Z直接材料費1" localSheetId="6">#REF!</definedName>
    <definedName name="Z直接材料費1">#REF!</definedName>
    <definedName name="Z直接材料費2" localSheetId="6">#REF!</definedName>
    <definedName name="Z直接材料費2">#REF!</definedName>
    <definedName name="Z直接材料費3" localSheetId="6">#REF!</definedName>
    <definedName name="Z直接材料費3">#REF!</definedName>
    <definedName name="Z直接労務費" localSheetId="6">#REF!</definedName>
    <definedName name="Z直接労務費">#REF!</definedName>
    <definedName name="Z直接労務費1" localSheetId="6">#REF!</definedName>
    <definedName name="Z直接労務費1">#REF!</definedName>
    <definedName name="Z直接労務費2" localSheetId="6">#REF!</definedName>
    <definedName name="Z直接労務費2">#REF!</definedName>
    <definedName name="Z直接労務費3" localSheetId="6">#REF!</definedName>
    <definedName name="Z直接労務費3">#REF!</definedName>
    <definedName name="Z特許使用料" localSheetId="6">#REF!</definedName>
    <definedName name="Z特許使用料">#REF!</definedName>
    <definedName name="Z特許使用料1" localSheetId="6">#REF!</definedName>
    <definedName name="Z特許使用料1">#REF!</definedName>
    <definedName name="Z特許使用料2" localSheetId="6">#REF!</definedName>
    <definedName name="Z特許使用料2">#REF!</definedName>
    <definedName name="Z特許使用料3" localSheetId="6">#REF!</definedName>
    <definedName name="Z特許使用料3">#REF!</definedName>
    <definedName name="Z複合工費" localSheetId="6">#REF!</definedName>
    <definedName name="Z複合工費">#REF!</definedName>
    <definedName name="Z複合工費1" localSheetId="6">#REF!</definedName>
    <definedName name="Z複合工費1">#REF!</definedName>
    <definedName name="Z複合工費2" localSheetId="6">#REF!</definedName>
    <definedName name="Z複合工費2">#REF!</definedName>
    <definedName name="Z複合工費3" localSheetId="6">#REF!</definedName>
    <definedName name="Z複合工費3">#REF!</definedName>
    <definedName name="Z補助材料費" localSheetId="6">#REF!</definedName>
    <definedName name="Z補助材料費">#REF!</definedName>
    <definedName name="Z補助材料費1" localSheetId="6">#REF!</definedName>
    <definedName name="Z補助材料費1">#REF!</definedName>
    <definedName name="Z補助材料費2" localSheetId="6">#REF!</definedName>
    <definedName name="Z補助材料費2">#REF!</definedName>
    <definedName name="Z補助材料費3" localSheetId="6">#REF!</definedName>
    <definedName name="Z補助材料費3">#REF!</definedName>
    <definedName name="Z輸送費" localSheetId="6">#REF!</definedName>
    <definedName name="Z輸送費">#REF!</definedName>
    <definedName name="Z輸送費1" localSheetId="6">#REF!</definedName>
    <definedName name="Z輸送費1">#REF!</definedName>
    <definedName name="Z輸送費2" localSheetId="6">#REF!</definedName>
    <definedName name="Z輸送費2">#REF!</definedName>
    <definedName name="Z輸送費3" localSheetId="6">#REF!</definedName>
    <definedName name="Z輸送費3">#REF!</definedName>
    <definedName name="φ50本設配管">[46]!φ50本設配管</definedName>
    <definedName name="ア" localSheetId="6">[47]表紙!#REF!</definedName>
    <definedName name="ア">[47]表紙!#REF!</definedName>
    <definedName name="あ">[0]!あ</definedName>
    <definedName name="あ1" localSheetId="6">#REF!</definedName>
    <definedName name="あ1">#REF!</definedName>
    <definedName name="ああ" localSheetId="6">'[22]３ページ'!#REF!</definedName>
    <definedName name="ああ">'[22]３ページ'!#REF!</definedName>
    <definedName name="あああ">[0]!あああ</definedName>
    <definedName name="ああああ" localSheetId="6">#REF!</definedName>
    <definedName name="ああああ">#REF!</definedName>
    <definedName name="あああああ" localSheetId="6" hidden="1">#REF!</definedName>
    <definedName name="あああああ" hidden="1">#REF!</definedName>
    <definedName name="ああああああ" localSheetId="6">[47]表紙!#REF!</definedName>
    <definedName name="ああああああ">[47]表紙!#REF!</definedName>
    <definedName name="あい">[0]!あい</definedName>
    <definedName name="ｱｽﾌｧﾙﾄ乳剤PK3" localSheetId="6">#REF!</definedName>
    <definedName name="ｱｽﾌｧﾙﾄ乳剤PK3">#REF!</definedName>
    <definedName name="ｱｾﾁﾚﾝ" localSheetId="6">#REF!</definedName>
    <definedName name="ｱｾﾁﾚﾝ">#REF!</definedName>
    <definedName name="い">[0]!い</definedName>
    <definedName name="いい">'[22]３ページ'!$L$9</definedName>
    <definedName name="いいいい" localSheetId="6">[19]!Anzen</definedName>
    <definedName name="いいいい" localSheetId="5">[19]!Anzen</definedName>
    <definedName name="いいいい">[19]!Anzen</definedName>
    <definedName name="いらない列1" localSheetId="6">#REF!</definedName>
    <definedName name="いらない列1">#REF!</definedName>
    <definedName name="いらない列2" localSheetId="6">#REF!</definedName>
    <definedName name="いらない列2">#REF!</definedName>
    <definedName name="う">[0]!う</definedName>
    <definedName name="うう">'[22]２ページ'!$I$36</definedName>
    <definedName name="ううう" localSheetId="6">#REF!</definedName>
    <definedName name="ううう">#REF!</definedName>
    <definedName name="うううう" localSheetId="6">#REF!</definedName>
    <definedName name="うううう">#REF!</definedName>
    <definedName name="うぇ">[0]!うぇ</definedName>
    <definedName name="え" localSheetId="6">[48]!Dialog3_ボタン2_Click</definedName>
    <definedName name="え" localSheetId="5">[48]!Dialog3_ボタン2_Click</definedName>
    <definedName name="え">[48]!Dialog3_ボタン2_Click</definedName>
    <definedName name="ええ">'[22]３ページ'!$G$16</definedName>
    <definedName name="えええ" localSheetId="6" hidden="1">#REF!</definedName>
    <definedName name="えええ" hidden="1">#REF!</definedName>
    <definedName name="ｴﾙﾎﾞφ20" localSheetId="6">#REF!</definedName>
    <definedName name="ｴﾙﾎﾞφ20">#REF!</definedName>
    <definedName name="ｴﾙﾎﾞφ25" localSheetId="6">#REF!</definedName>
    <definedName name="ｴﾙﾎﾞφ25">#REF!</definedName>
    <definedName name="ｴﾙﾎﾞφ40" localSheetId="6">#REF!</definedName>
    <definedName name="ｴﾙﾎﾞφ40">#REF!</definedName>
    <definedName name="お">[0]!お</definedName>
    <definedName name="おお">'[22]１ページ'!$J$58</definedName>
    <definedName name="ガス" localSheetId="6">#REF!</definedName>
    <definedName name="ガス">#REF!</definedName>
    <definedName name="ｶﾞｽPS" localSheetId="6">#REF!</definedName>
    <definedName name="ｶﾞｽPS">#REF!</definedName>
    <definedName name="ガス給湯器">[3]歩・屋!$W$10</definedName>
    <definedName name="ｶﾞｿﾘﾝ" localSheetId="6">#REF!</definedName>
    <definedName name="ｶﾞｿﾘﾝ">#REF!</definedName>
    <definedName name="ｶｯﾀｰﾌﾞﾚｰﾄﾞ30" localSheetId="6">#REF!</definedName>
    <definedName name="ｶｯﾀｰﾌﾞﾚｰﾄﾞ30">#REF!</definedName>
    <definedName name="ｶｯﾀｰﾌﾞﾚｰﾄﾞ40" localSheetId="6">#REF!</definedName>
    <definedName name="ｶｯﾀｰﾌﾞﾚｰﾄﾞ40">#REF!</definedName>
    <definedName name="ｶｯﾀｰﾌﾞﾚｰﾄﾞ55" localSheetId="6">#REF!</definedName>
    <definedName name="ｶｯﾀｰﾌﾞﾚｰﾄﾞ55">#REF!</definedName>
    <definedName name="ｶｯﾀｰﾌﾞﾚｰﾄﾞ60" localSheetId="6">#REF!</definedName>
    <definedName name="ｶｯﾀｰﾌﾞﾚｰﾄﾞ60">#REF!</definedName>
    <definedName name="ｶｯﾀｰ運転30㎝" localSheetId="6">#REF!</definedName>
    <definedName name="ｶｯﾀｰ運転30㎝">#REF!</definedName>
    <definedName name="ｶｯﾀｰ運転40㎝" localSheetId="6">#REF!</definedName>
    <definedName name="ｶｯﾀｰ運転40㎝">#REF!</definedName>
    <definedName name="ｶﾞﾗｽ工" localSheetId="6">#REF!</definedName>
    <definedName name="ｶﾞﾗｽ工">#REF!</definedName>
    <definedName name="ガラス工２">[49]府県別労務!$C$50</definedName>
    <definedName name="き">[0]!き</definedName>
    <definedName name="く" localSheetId="6">'[39]３ページ'!#REF!</definedName>
    <definedName name="く">'[39]３ページ'!#REF!</definedName>
    <definedName name="くうちょう" localSheetId="6">#REF!</definedName>
    <definedName name="くうちょう">#REF!</definedName>
    <definedName name="くぇ">[0]!くぇ</definedName>
    <definedName name="グランド照明" localSheetId="6">[26]内訳書!#REF!</definedName>
    <definedName name="グランド照明">[26]内訳書!#REF!</definedName>
    <definedName name="ｸﾚｰﾝ付ﾄﾗｯｸ運転2.9t" localSheetId="6">#REF!</definedName>
    <definedName name="ｸﾚｰﾝ付ﾄﾗｯｸ運転2.9t">#REF!</definedName>
    <definedName name="ｸﾛｽ集計範囲" localSheetId="6">#REF!</definedName>
    <definedName name="ｸﾛｽ集計範囲">#REF!</definedName>
    <definedName name="ケーブル電線類" localSheetId="6">#REF!</definedName>
    <definedName name="ケーブル電線類">#REF!</definedName>
    <definedName name="ｺｰﾄﾞ">'[42]H15年度4月-企業庁・県建設部単価表'!$A$5:$A$490</definedName>
    <definedName name="ｺﾝｸﾘｰﾄ混和剤" localSheetId="6">#REF!</definedName>
    <definedName name="ｺﾝｸﾘｰﾄ混和剤">#REF!</definedName>
    <definedName name="ｺﾝﾏ小数点" localSheetId="6">#REF!</definedName>
    <definedName name="ｺﾝﾏ小数点">#REF!</definedName>
    <definedName name="さ" localSheetId="6">[50]!ピクチャ5_Click</definedName>
    <definedName name="さ" localSheetId="5">[50]!ピクチャ5_Click</definedName>
    <definedName name="さ">[50]!ピクチャ5_Click</definedName>
    <definedName name="さく岩工" localSheetId="6">#REF!</definedName>
    <definedName name="さく岩工">#REF!</definedName>
    <definedName name="ささＳ" localSheetId="6">#REF!</definedName>
    <definedName name="ささＳ">#REF!</definedName>
    <definedName name="さし">[0]!さし</definedName>
    <definedName name="サッシ工" localSheetId="6">#REF!</definedName>
    <definedName name="サッシ工">#REF!</definedName>
    <definedName name="ｻﾄﾞﾙ分水栓φ150×φ20" localSheetId="6">#REF!</definedName>
    <definedName name="ｻﾄﾞﾙ分水栓φ150×φ20">#REF!</definedName>
    <definedName name="ｻﾄﾞﾙ分水栓φ150×φ25" localSheetId="6">#REF!</definedName>
    <definedName name="ｻﾄﾞﾙ分水栓φ150×φ25">#REF!</definedName>
    <definedName name="ｻﾄﾞﾙ分水栓φ150×φ40" localSheetId="6">#REF!</definedName>
    <definedName name="ｻﾄﾞﾙ分水栓φ150×φ40">#REF!</definedName>
    <definedName name="ｻﾄﾞﾙ分水栓φ75×φ20" localSheetId="6">#REF!</definedName>
    <definedName name="ｻﾄﾞﾙ分水栓φ75×φ20">#REF!</definedName>
    <definedName name="ｻﾝﾀﾞｰｽﾄｰﾝ" localSheetId="6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 localSheetId="6">#REF!</definedName>
    <definedName name="スコアボード比較">#REF!</definedName>
    <definedName name="スタイル" localSheetId="6">#REF!</definedName>
    <definedName name="スタイル">#REF!</definedName>
    <definedName name="スタンション" localSheetId="6">[51]!Dialog3_ボタン2_Click</definedName>
    <definedName name="スタンション" localSheetId="5">[51]!Dialog3_ボタン2_Click</definedName>
    <definedName name="スタンション">[51]!Dialog3_ボタン2_Click</definedName>
    <definedName name="すてん溶接工" localSheetId="6">#REF!</definedName>
    <definedName name="すてん溶接工">#REF!</definedName>
    <definedName name="ｿｹｯﾄφ20" localSheetId="6">#REF!</definedName>
    <definedName name="ｿｹｯﾄφ20">#REF!</definedName>
    <definedName name="ｿｹｯﾄφ25" localSheetId="6">#REF!</definedName>
    <definedName name="ｿｹｯﾄφ25">#REF!</definedName>
    <definedName name="ｿｹｯﾄφ25×φ20" localSheetId="6">#REF!</definedName>
    <definedName name="ｿｹｯﾄφ25×φ20">#REF!</definedName>
    <definedName name="ｿｹｯﾄφ40" localSheetId="6">#REF!</definedName>
    <definedName name="ｿｹｯﾄφ40">#REF!</definedName>
    <definedName name="その他" localSheetId="6">#REF!</definedName>
    <definedName name="その他">#REF!</definedName>
    <definedName name="その他器具" localSheetId="6">#REF!</definedName>
    <definedName name="その他器具">#REF!</definedName>
    <definedName name="た">[0]!た</definedName>
    <definedName name="だいＫ" localSheetId="6">[52]表紙!#REF!</definedName>
    <definedName name="だいＫ">[52]表紙!#REF!</definedName>
    <definedName name="ﾀｲﾄﾙ行" localSheetId="6">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 localSheetId="6">#REF!</definedName>
    <definedName name="タイル工">#REF!</definedName>
    <definedName name="たか" localSheetId="6">#REF!</definedName>
    <definedName name="たか">#REF!</definedName>
    <definedName name="ダク" localSheetId="6">[53]明細!#REF!</definedName>
    <definedName name="ダク">[53]明細!#REF!</definedName>
    <definedName name="ダクタイル鋳鉄管" localSheetId="6">#REF!</definedName>
    <definedName name="ダクタイル鋳鉄管">#REF!</definedName>
    <definedName name="ダクト" localSheetId="6">[53]明細!#REF!</definedName>
    <definedName name="ダクト">[53]明細!#REF!</definedName>
    <definedName name="ダクト工" localSheetId="6">#REF!</definedName>
    <definedName name="ダクト工">#REF!</definedName>
    <definedName name="ﾀﾝﾊﾟｰ運転舗装用" localSheetId="6">#REF!</definedName>
    <definedName name="ﾀﾝﾊﾟｰ運転舗装用">#REF!</definedName>
    <definedName name="ﾀﾝﾊﾟｰ運転埋戻用" localSheetId="6">#REF!</definedName>
    <definedName name="ﾀﾝﾊﾟｰ運転埋戻用">#REF!</definedName>
    <definedName name="ﾀﾝﾊﾟｰ運転路盤用" localSheetId="6">#REF!</definedName>
    <definedName name="ﾀﾝﾊﾟｰ運転路盤用">#REF!</definedName>
    <definedName name="ﾀﾞﾝﾌﾟﾄﾗｯｸ11t車" localSheetId="6">#REF!</definedName>
    <definedName name="ﾀﾞﾝﾌﾟﾄﾗｯｸ11t車">#REF!</definedName>
    <definedName name="ﾀﾞﾝﾌﾟﾄﾗｯｸ4t車" localSheetId="6">#REF!</definedName>
    <definedName name="ﾀﾞﾝﾌﾟﾄﾗｯｸ4t車">#REF!</definedName>
    <definedName name="ﾁｰｽﾞφ25×φ20" localSheetId="6">#REF!</definedName>
    <definedName name="ﾁｰｽﾞφ25×φ20">#REF!</definedName>
    <definedName name="ﾁｰｽﾞφ40×φ20" localSheetId="6">#REF!</definedName>
    <definedName name="ﾁｰｽﾞφ40×φ20">#REF!</definedName>
    <definedName name="っｄ">'[22]１ページ'!$F$8</definedName>
    <definedName name="っｆ">'[22]容計（ﾕﾆｯﾄ）'!$F$33</definedName>
    <definedName name="っｇ" localSheetId="6">'[22]３ページ'!#REF!</definedName>
    <definedName name="っｇ">'[22]３ページ'!#REF!</definedName>
    <definedName name="っｈ">'[22]１ページ'!$F$11</definedName>
    <definedName name="っｊ" localSheetId="6">'[22]３ページ'!#REF!</definedName>
    <definedName name="っｊ">'[22]３ページ'!#REF!</definedName>
    <definedName name="っｋ">'[22]１ページ'!$F$9</definedName>
    <definedName name="っｌ">'[22]３ページ'!$S$68</definedName>
    <definedName name="っｐ">'[22]３ページ'!$S$56</definedName>
    <definedName name="っｒ">'[22]３ページ'!$G$16</definedName>
    <definedName name="っｓ">'[22]１ページ'!$F$10</definedName>
    <definedName name="っｔ">'[22]３ページ'!$S$54</definedName>
    <definedName name="っｗ">'[22]３ページ'!$G$16</definedName>
    <definedName name="っｙ">'[22]２ページ'!$I$36</definedName>
    <definedName name="データ" localSheetId="6">#REF!</definedName>
    <definedName name="データ">#REF!</definedName>
    <definedName name="データ2" localSheetId="6">#REF!</definedName>
    <definedName name="データ2">#REF!</definedName>
    <definedName name="データー" localSheetId="6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 localSheetId="6">[54]!Dialog3_ボタン2_Click</definedName>
    <definedName name="てなにん" localSheetId="5">[54]!Dialog3_ボタン2_Click</definedName>
    <definedName name="てなにん">[54]!Dialog3_ボタン2_Click</definedName>
    <definedName name="テレビ">[0]!テレビ</definedName>
    <definedName name="とび工" localSheetId="6">#REF!</definedName>
    <definedName name="とび工">#REF!</definedName>
    <definedName name="ﾄﾗｯｸ">'[3]#REF'!$K$1</definedName>
    <definedName name="ﾄﾗｯｸｸﾚｰﾝ運転4.8_4.9t" localSheetId="6">#REF!</definedName>
    <definedName name="ﾄﾗｯｸｸﾚｰﾝ運転4.8_4.9t">#REF!</definedName>
    <definedName name="ﾄﾗｯｸｸﾚｰﾝ賃料4.9t" localSheetId="6">#REF!</definedName>
    <definedName name="ﾄﾗｯｸｸﾚｰﾝ賃料4.9t">#REF!</definedName>
    <definedName name="ﾄﾗｯｸ運転2t" localSheetId="6">#REF!</definedName>
    <definedName name="ﾄﾗｯｸ運転2t">#REF!</definedName>
    <definedName name="ﾄﾗｯｸ運転3_3.5t" localSheetId="6">#REF!</definedName>
    <definedName name="ﾄﾗｯｸ運転3_3.5t">#REF!</definedName>
    <definedName name="トンネル作業員" localSheetId="6">#REF!</definedName>
    <definedName name="トンネル作業員">#REF!</definedName>
    <definedName name="トンネル世話役" localSheetId="6">#REF!</definedName>
    <definedName name="トンネル世話役">#REF!</definedName>
    <definedName name="トンネル特殊工" localSheetId="6">#REF!</definedName>
    <definedName name="トンネル特殊工">#REF!</definedName>
    <definedName name="パターン1" localSheetId="6">#REF!</definedName>
    <definedName name="パターン1">#REF!</definedName>
    <definedName name="ﾊﾞｯｸﾎｳ0.1・" localSheetId="6">#REF!</definedName>
    <definedName name="ﾊﾞｯｸﾎｳ0.1・">#REF!</definedName>
    <definedName name="ﾊﾞｯｸﾎｳ0.2" localSheetId="6">#REF!</definedName>
    <definedName name="ﾊﾞｯｸﾎｳ0.2">#REF!</definedName>
    <definedName name="ﾊﾞｯｸﾎｳ0.35" localSheetId="6">#REF!</definedName>
    <definedName name="ﾊﾞｯｸﾎｳ0.35">#REF!</definedName>
    <definedName name="ハツリ" localSheetId="6">#REF!</definedName>
    <definedName name="ハツリ">#REF!</definedName>
    <definedName name="はつり工" localSheetId="6">#REF!</definedName>
    <definedName name="はつり工">#REF!</definedName>
    <definedName name="バルブ" localSheetId="6">#REF!</definedName>
    <definedName name="バルブ">#REF!</definedName>
    <definedName name="ﾊﾝﾄﾞﾎｰﾙ１" localSheetId="6">[3]愛駿寮公共下水道接続工事!#REF!</definedName>
    <definedName name="ﾊﾝﾄﾞﾎｰﾙ１">[3]愛駿寮公共下水道接続工事!#REF!</definedName>
    <definedName name="ﾊﾝﾄﾞﾎｰﾙ２" localSheetId="6">#REF!</definedName>
    <definedName name="ﾊﾝﾄﾞﾎｰﾙ２">#REF!</definedName>
    <definedName name="ﾊﾝﾄﾞﾎｰﾙ築造ｱｽﾌｧﾙﾄ有り直堀" localSheetId="6">[55]!Dialog3_ボタン2_Click</definedName>
    <definedName name="ﾊﾝﾄﾞﾎｰﾙ築造ｱｽﾌｧﾙﾄ有り直堀" localSheetId="5">[55]!Dialog3_ボタン2_Click</definedName>
    <definedName name="ﾊﾝﾄﾞﾎｰﾙ築造ｱｽﾌｧﾙﾄ有り直堀">[55]!Dialog3_ボタン2_Click</definedName>
    <definedName name="ピクチャ5_Click" localSheetId="6">[31]!ピクチャ5_Click</definedName>
    <definedName name="ピクチャ5_Click" localSheetId="5">[31]!ピクチャ5_Click</definedName>
    <definedName name="ピクチャ5_Click">[31]!ピクチャ5_Click</definedName>
    <definedName name="ﾋﾟｯﾄ築造" localSheetId="6">[55]!Dialog3_ボタン2_Click</definedName>
    <definedName name="ﾋﾟｯﾄ築造" localSheetId="5">[55]!Dialog3_ボタン2_Click</definedName>
    <definedName name="ﾋﾟｯﾄ築造">[55]!Dialog3_ボタン2_Click</definedName>
    <definedName name="ふ" localSheetId="6">#REF!</definedName>
    <definedName name="ふ">#REF!</definedName>
    <definedName name="プリカ50" localSheetId="6">[24]ｹｰﾌﾞﾙ計!#REF!</definedName>
    <definedName name="プリカ50">[24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 localSheetId="6">#REF!</definedName>
    <definedName name="ブロック工">#REF!</definedName>
    <definedName name="ページ１" localSheetId="6">#REF!</definedName>
    <definedName name="ページ１">#REF!</definedName>
    <definedName name="ページ２" localSheetId="6">#REF!</definedName>
    <definedName name="ページ２">#REF!</definedName>
    <definedName name="ページ３" localSheetId="6">#REF!</definedName>
    <definedName name="ページ３">#REF!</definedName>
    <definedName name="ページ４" localSheetId="6">#REF!</definedName>
    <definedName name="ページ４">#REF!</definedName>
    <definedName name="ページ５" localSheetId="6">#REF!</definedName>
    <definedName name="ページ５">#REF!</definedName>
    <definedName name="ページ６" localSheetId="6">#REF!</definedName>
    <definedName name="ページ６">#REF!</definedName>
    <definedName name="ポンプ">[3]歩・屋!$W$5</definedName>
    <definedName name="ポンプB">[3]歩・屋!$W$5</definedName>
    <definedName name="ﾒｰｶｰﾘｽﾄ" localSheetId="6">[56]見積･重量!#REF!</definedName>
    <definedName name="ﾒｰｶｰﾘｽﾄ">[56]見積･重量!#REF!</definedName>
    <definedName name="ﾒｰﾀｰφ13" localSheetId="6">#REF!</definedName>
    <definedName name="ﾒｰﾀｰφ13">#REF!</definedName>
    <definedName name="ﾒｰﾀｰφ16" localSheetId="6">#REF!</definedName>
    <definedName name="ﾒｰﾀｰφ16">#REF!</definedName>
    <definedName name="ﾒｰﾀｰφ20" localSheetId="6">#REF!</definedName>
    <definedName name="ﾒｰﾀｰφ20">#REF!</definedName>
    <definedName name="ﾒｰﾀｰφ25" localSheetId="6">#REF!</definedName>
    <definedName name="ﾒｰﾀｰφ25">#REF!</definedName>
    <definedName name="ﾒｰﾀｰφ40" localSheetId="6">#REF!</definedName>
    <definedName name="ﾒｰﾀｰφ40">#REF!</definedName>
    <definedName name="ﾒｽｱﾀﾞﾌﾟﾀｰφ20" localSheetId="6">#REF!</definedName>
    <definedName name="ﾒｽｱﾀﾞﾌﾟﾀｰφ20">#REF!</definedName>
    <definedName name="ﾒｽｱﾀﾞﾌﾟﾀｰφ25" localSheetId="6">#REF!</definedName>
    <definedName name="ﾒｽｱﾀﾞﾌﾟﾀｰφ25">#REF!</definedName>
    <definedName name="ﾒｽｱﾀﾞﾌﾟﾀｰφ40" localSheetId="6">#REF!</definedName>
    <definedName name="ﾒｽｱﾀﾞﾌﾟﾀｰφ40">#REF!</definedName>
    <definedName name="ﾒﾆｭｰ" localSheetId="6">#REF!</definedName>
    <definedName name="ﾒﾆｭｰ">#REF!</definedName>
    <definedName name="モジュール数">[57]条件!$C$11</definedName>
    <definedName name="モジュール単価" localSheetId="6">#REF!</definedName>
    <definedName name="モジュール単価">#REF!</definedName>
    <definedName name="モタ" localSheetId="6">#REF!</definedName>
    <definedName name="モタ">#REF!</definedName>
    <definedName name="モルタ" localSheetId="6">#REF!</definedName>
    <definedName name="モルタ">#REF!</definedName>
    <definedName name="モルタル" localSheetId="6">#REF!</definedName>
    <definedName name="モルタル">#REF!</definedName>
    <definedName name="モルタル１２" localSheetId="6">#REF!</definedName>
    <definedName name="モルタル１２">#REF!</definedName>
    <definedName name="ユニット数" localSheetId="6">#REF!</definedName>
    <definedName name="ユニット数">#REF!</definedName>
    <definedName name="ら">[0]!ら</definedName>
    <definedName name="ﾛﾗｰ運転0.8_1.1t" localSheetId="6">#REF!</definedName>
    <definedName name="ﾛﾗｰ運転0.8_1.1t">#REF!</definedName>
    <definedName name="ﾛﾗｰ運転3.0_4.0t" localSheetId="6">#REF!</definedName>
    <definedName name="ﾛﾗｰ運転3.0_4.0t">#REF!</definedName>
    <definedName name="ん">[21]条件!$E$21</definedName>
    <definedName name="んｈ">'[22]１ページ'!$J$41</definedName>
    <definedName name="んｍ">[0]!んｍ</definedName>
    <definedName name="安全" localSheetId="6">#REF!</definedName>
    <definedName name="安全">#REF!</definedName>
    <definedName name="按分" localSheetId="6">#REF!</definedName>
    <definedName name="按分">#REF!</definedName>
    <definedName name="異形管率" localSheetId="6">#REF!</definedName>
    <definedName name="異形管率">#REF!</definedName>
    <definedName name="移動" localSheetId="6">#REF!</definedName>
    <definedName name="移動">#REF!</definedName>
    <definedName name="維持管理委託費" localSheetId="6">#REF!</definedName>
    <definedName name="維持管理委託費">#REF!</definedName>
    <definedName name="井戸水" localSheetId="6">#REF!</definedName>
    <definedName name="井戸水">#REF!</definedName>
    <definedName name="井水">[58]条件!$C$6</definedName>
    <definedName name="一" localSheetId="6">#REF!</definedName>
    <definedName name="一">#REF!</definedName>
    <definedName name="一位代価" localSheetId="6">#REF!</definedName>
    <definedName name="一位代価">#REF!</definedName>
    <definedName name="一般運転手" localSheetId="6">#REF!</definedName>
    <definedName name="一般運転手">#REF!</definedName>
    <definedName name="一般労務費" localSheetId="6">#REF!</definedName>
    <definedName name="一般労務費">#REF!</definedName>
    <definedName name="印刷" localSheetId="6">[59]!印刷</definedName>
    <definedName name="印刷" localSheetId="5">[59]!印刷</definedName>
    <definedName name="印刷">[59]!印刷</definedName>
    <definedName name="印刷05" localSheetId="6">#REF!</definedName>
    <definedName name="印刷05">#REF!</definedName>
    <definedName name="印刷1" localSheetId="6">#REF!</definedName>
    <definedName name="印刷1">#REF!</definedName>
    <definedName name="印刷10" localSheetId="6">#REF!</definedName>
    <definedName name="印刷10">#REF!</definedName>
    <definedName name="印刷2" localSheetId="6">#REF!</definedName>
    <definedName name="印刷2">#REF!</definedName>
    <definedName name="印刷20" localSheetId="6">#REF!</definedName>
    <definedName name="印刷20">#REF!</definedName>
    <definedName name="印刷3" localSheetId="6">#REF!</definedName>
    <definedName name="印刷3">#REF!</definedName>
    <definedName name="印刷30" localSheetId="6">#REF!</definedName>
    <definedName name="印刷30">#REF!</definedName>
    <definedName name="印刷4" localSheetId="6">#REF!</definedName>
    <definedName name="印刷4">#REF!</definedName>
    <definedName name="印刷40" localSheetId="6">#REF!</definedName>
    <definedName name="印刷40">#REF!</definedName>
    <definedName name="印刷50" localSheetId="6">#REF!</definedName>
    <definedName name="印刷50">#REF!</definedName>
    <definedName name="印刷7" localSheetId="6">#REF!</definedName>
    <definedName name="印刷7">#REF!</definedName>
    <definedName name="印刷8" localSheetId="6">#REF!</definedName>
    <definedName name="印刷8">#REF!</definedName>
    <definedName name="印刷EX" localSheetId="6">#REF!</definedName>
    <definedName name="印刷EX">#REF!</definedName>
    <definedName name="印刷後">[0]!印刷後</definedName>
    <definedName name="印刷範囲" localSheetId="6">#REF!</definedName>
    <definedName name="印刷範囲">#REF!</definedName>
    <definedName name="印刷表" localSheetId="6">[60]表紙!#REF!</definedName>
    <definedName name="印刷表">[60]表紙!#REF!</definedName>
    <definedName name="雨水濾過">[3]歩・屋!$W$8</definedName>
    <definedName name="運送費表示" localSheetId="6">#REF!</definedName>
    <definedName name="運送費表示">#REF!</definedName>
    <definedName name="運転時間" localSheetId="6">#REF!</definedName>
    <definedName name="運転時間">#REF!</definedName>
    <definedName name="運転手_一般" localSheetId="6">#REF!</definedName>
    <definedName name="運転手_一般">#REF!</definedName>
    <definedName name="運転手_特殊" localSheetId="6">#REF!</definedName>
    <definedName name="運転手_特殊">#REF!</definedName>
    <definedName name="運転日数" localSheetId="6">#REF!</definedName>
    <definedName name="運転日数">#REF!</definedName>
    <definedName name="運搬" localSheetId="6">#REF!</definedName>
    <definedName name="運搬">#REF!</definedName>
    <definedName name="営繕" localSheetId="6">#REF!</definedName>
    <definedName name="営繕">#REF!</definedName>
    <definedName name="衛生器具" localSheetId="6">#REF!</definedName>
    <definedName name="衛生器具">#REF!</definedName>
    <definedName name="汚水桝" localSheetId="6">[61]排水桝!#REF!</definedName>
    <definedName name="汚水桝">[61]排水桝!#REF!</definedName>
    <definedName name="横太線">#N/A</definedName>
    <definedName name="屋外ｶﾞｽ" localSheetId="6">#REF!</definedName>
    <definedName name="屋外ｶﾞｽ">#REF!</definedName>
    <definedName name="屋外給水" localSheetId="6">#REF!</definedName>
    <definedName name="屋外給水">#REF!</definedName>
    <definedName name="屋外排水" localSheetId="6">#REF!</definedName>
    <definedName name="屋外排水">#REF!</definedName>
    <definedName name="屋根">[6]外部!$A$1</definedName>
    <definedName name="屋根ふき工" localSheetId="6">#REF!</definedName>
    <definedName name="屋根ふき工">#REF!</definedName>
    <definedName name="屋内ｶﾞｽ" localSheetId="6">#REF!</definedName>
    <definedName name="屋内ｶﾞｽ">#REF!</definedName>
    <definedName name="屋内給水" localSheetId="6">#REF!</definedName>
    <definedName name="屋内給水">#REF!</definedName>
    <definedName name="屋内排水" localSheetId="6">#REF!</definedName>
    <definedName name="屋内排水">#REF!</definedName>
    <definedName name="化粧鏡" localSheetId="6">#REF!</definedName>
    <definedName name="化粧鏡">#REF!</definedName>
    <definedName name="仮">[62]亜鉛鉄板!$AP$1</definedName>
    <definedName name="仮1" localSheetId="6" hidden="1">#REF!</definedName>
    <definedName name="仮1" hidden="1">#REF!</definedName>
    <definedName name="仮２" localSheetId="6" hidden="1">#REF!</definedName>
    <definedName name="仮２" hidden="1">#REF!</definedName>
    <definedName name="仮ＮＯ" localSheetId="6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 localSheetId="6">#REF!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仮設費" hidden="1">{#N/A,#N/A,FALSE,"内訳"}</definedName>
    <definedName name="河川水" localSheetId="6">#REF!</definedName>
    <definedName name="河川水">#REF!</definedName>
    <definedName name="稼働時間" localSheetId="6">#REF!</definedName>
    <definedName name="稼働時間">#REF!</definedName>
    <definedName name="解析単位重量" localSheetId="6">#REF!</definedName>
    <definedName name="解析単位重量">#REF!</definedName>
    <definedName name="回収率">[57]条件!$C$14</definedName>
    <definedName name="開口" localSheetId="6">[55]!Dialog3_ボタン2_Click</definedName>
    <definedName name="開口" localSheetId="5">[55]!Dialog3_ボタン2_Click</definedName>
    <definedName name="開口">[55]!Dialog3_ボタン2_Click</definedName>
    <definedName name="開始頁" localSheetId="6">[60]表紙!#REF!</definedName>
    <definedName name="開始頁">[60]表紙!#REF!</definedName>
    <definedName name="外構">[6]外構!$A$1</definedName>
    <definedName name="外部給排" localSheetId="6">#REF!</definedName>
    <definedName name="外部給排">#REF!</definedName>
    <definedName name="外部建具">[6]外部!$A$193</definedName>
    <definedName name="確認0" localSheetId="6">#REF!</definedName>
    <definedName name="確認0">#REF!</definedName>
    <definedName name="換気" localSheetId="6">#REF!</definedName>
    <definedName name="換気">#REF!</definedName>
    <definedName name="環境" localSheetId="6">#REF!</definedName>
    <definedName name="環境">#REF!</definedName>
    <definedName name="環境対策区分" localSheetId="6">#REF!</definedName>
    <definedName name="環境対策区分">#REF!</definedName>
    <definedName name="環境対策区分1" localSheetId="6">#REF!</definedName>
    <definedName name="環境対策区分1">#REF!</definedName>
    <definedName name="管渠土工計算書" localSheetId="6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 localSheetId="6">#REF!</definedName>
    <definedName name="貫通部">#REF!</definedName>
    <definedName name="器" localSheetId="6">#REF!</definedName>
    <definedName name="器">#REF!</definedName>
    <definedName name="基礎工" localSheetId="6">#REF!</definedName>
    <definedName name="基礎工">#REF!</definedName>
    <definedName name="既存校舎" localSheetId="6">[26]内訳書!#REF!</definedName>
    <definedName name="既存校舎">[26]内訳書!#REF!</definedName>
    <definedName name="機械一般率表" localSheetId="6">#REF!</definedName>
    <definedName name="機械一般率表">#REF!</definedName>
    <definedName name="機械仮設改率表" localSheetId="6">#REF!</definedName>
    <definedName name="機械仮設改率表">#REF!</definedName>
    <definedName name="機械仮設新率表" localSheetId="6">#REF!</definedName>
    <definedName name="機械仮設新率表">#REF!</definedName>
    <definedName name="機械現場改率表" localSheetId="6">#REF!</definedName>
    <definedName name="機械現場改率表">#REF!</definedName>
    <definedName name="機械現場新率表" localSheetId="6">#REF!</definedName>
    <definedName name="機械現場新率表">#REF!</definedName>
    <definedName name="機械設備据付工" localSheetId="6">#REF!</definedName>
    <definedName name="機械設備据付工">#REF!</definedName>
    <definedName name="機械内訳書" hidden="1">{"設定1",#N/A,FALSE,"第5号-1";"設定2",#N/A,FALSE,"第5号-1"}</definedName>
    <definedName name="機器名称">[63]機器等据付工!$B$8:$B$41,[63]機器等据付工!$B$65,[63]機器等据付工!$B$65:$B$98</definedName>
    <definedName name="機器名称２" localSheetId="6">[41]機器等据付工!#REF!</definedName>
    <definedName name="機器名称２">[41]機器等据付工!#REF!</definedName>
    <definedName name="記号" localSheetId="6">[64]表紙!#REF!</definedName>
    <definedName name="記号">[64]表紙!#REF!</definedName>
    <definedName name="記号3" localSheetId="6">[65]搬入据付様式!#REF!</definedName>
    <definedName name="記号3">[65]搬入据付様式!#REF!</definedName>
    <definedName name="記号4" localSheetId="6">[65]搬入据付様式!#REF!</definedName>
    <definedName name="記号4">[65]搬入据付様式!#REF!</definedName>
    <definedName name="記号5" localSheetId="6">[65]搬入据付様式!#REF!</definedName>
    <definedName name="記号5">[65]搬入据付様式!#REF!</definedName>
    <definedName name="記号6" localSheetId="6">[65]搬入据付様式!#REF!</definedName>
    <definedName name="記号6">[65]搬入据付様式!#REF!</definedName>
    <definedName name="軌道工" localSheetId="6">#REF!</definedName>
    <definedName name="軌道工">#REF!</definedName>
    <definedName name="鬼崎1" localSheetId="6">#REF!</definedName>
    <definedName name="鬼崎1">#REF!</definedName>
    <definedName name="技師_Ａ" localSheetId="6">#REF!</definedName>
    <definedName name="技師_Ａ">#REF!</definedName>
    <definedName name="技師_Ｂ" localSheetId="6">#REF!</definedName>
    <definedName name="技師_Ｂ">#REF!</definedName>
    <definedName name="技師_Ｃ" localSheetId="6">#REF!</definedName>
    <definedName name="技師_Ｃ">#REF!</definedName>
    <definedName name="技師Ａ" localSheetId="6">#REF!</definedName>
    <definedName name="技師Ａ">#REF!</definedName>
    <definedName name="技師Ｂ" localSheetId="6">#REF!</definedName>
    <definedName name="技師Ｂ">#REF!</definedName>
    <definedName name="技術" localSheetId="6">#REF!</definedName>
    <definedName name="技術">#REF!</definedName>
    <definedName name="技術員" localSheetId="6">#REF!</definedName>
    <definedName name="技術員">#REF!</definedName>
    <definedName name="技術者Ａ" localSheetId="6">#REF!</definedName>
    <definedName name="技術者Ａ">#REF!</definedName>
    <definedName name="技術者Ｂ" localSheetId="6">#REF!</definedName>
    <definedName name="技術者Ｂ">#REF!</definedName>
    <definedName name="客土データ" localSheetId="6">#REF!</definedName>
    <definedName name="客土データ">#REF!</definedName>
    <definedName name="逆洗回数">[57]条件!$E$21</definedName>
    <definedName name="逆洗時間">[57]条件!$C$22</definedName>
    <definedName name="逆洗次亜費" localSheetId="6">#REF!</definedName>
    <definedName name="逆洗次亜費">#REF!</definedName>
    <definedName name="逆洗水率">[57]条件!$C$16</definedName>
    <definedName name="逆洗水量">[57]条件!$C$18</definedName>
    <definedName name="逆洗頻度">[57]条件!$C$21</definedName>
    <definedName name="逆洗分割数" localSheetId="6">#REF!</definedName>
    <definedName name="逆洗分割数">#REF!</definedName>
    <definedName name="吸出防止材" localSheetId="6">[66]明細書!#REF!</definedName>
    <definedName name="吸出防止材">[66]明細書!#REF!</definedName>
    <definedName name="給水PS" localSheetId="6">#REF!</definedName>
    <definedName name="給水PS">#REF!</definedName>
    <definedName name="給水労務2" hidden="1">{"設定1",#N/A,FALSE,"第5号-1";"設定2",#N/A,FALSE,"第5号-1"}</definedName>
    <definedName name="給湯" localSheetId="6">#REF!</definedName>
    <definedName name="給湯">#REF!</definedName>
    <definedName name="給排" localSheetId="6">#REF!</definedName>
    <definedName name="給排">#REF!</definedName>
    <definedName name="給排2" localSheetId="6">#REF!</definedName>
    <definedName name="給排2">#REF!</definedName>
    <definedName name="給排水表紙" localSheetId="6">#REF!</definedName>
    <definedName name="給排水表紙">#REF!</definedName>
    <definedName name="共" localSheetId="6">#REF!</definedName>
    <definedName name="共">#REF!</definedName>
    <definedName name="共仮" localSheetId="6">#REF!</definedName>
    <definedName name="共仮">#REF!</definedName>
    <definedName name="共通" localSheetId="6">[6]仮設躯体!#REF!</definedName>
    <definedName name="共通">[6]仮設躯体!#REF!</definedName>
    <definedName name="橋梁世話役" localSheetId="6">#REF!</definedName>
    <definedName name="橋梁世話役">#REF!</definedName>
    <definedName name="橋梁塗装工" localSheetId="6">#REF!</definedName>
    <definedName name="橋梁塗装工">#REF!</definedName>
    <definedName name="橋梁特殊工" localSheetId="6">#REF!</definedName>
    <definedName name="橋梁特殊工">#REF!</definedName>
    <definedName name="業印" localSheetId="6">#REF!</definedName>
    <definedName name="業印">#REF!</definedName>
    <definedName name="金額" localSheetId="6">#REF!</definedName>
    <definedName name="金額">#REF!</definedName>
    <definedName name="金入り設計書" localSheetId="6">#REF!</definedName>
    <definedName name="金入り設計書">#REF!</definedName>
    <definedName name="金入設定" localSheetId="6">[23]表紙!#REF!</definedName>
    <definedName name="金入設定">[23]表紙!#REF!</definedName>
    <definedName name="金抜き設計書" localSheetId="6">#REF!</definedName>
    <definedName name="金抜き設計書">#REF!</definedName>
    <definedName name="金抜設定" localSheetId="6">[60]表紙!#REF!</definedName>
    <definedName name="金抜設定">[60]表紙!#REF!</definedName>
    <definedName name="躯体">[6]仮設躯体!$A$182</definedName>
    <definedName name="掘削" localSheetId="6">[47]表紙!#REF!</definedName>
    <definedName name="掘削">[47]表紙!#REF!</definedName>
    <definedName name="掘削梁" localSheetId="6">[47]表紙!#REF!</definedName>
    <definedName name="掘削梁">[47]表紙!#REF!</definedName>
    <definedName name="桑名市多度町" localSheetId="6">#REF!</definedName>
    <definedName name="桑名市多度町">#REF!</definedName>
    <definedName name="型わく工" localSheetId="6">#REF!</definedName>
    <definedName name="型わく工">#REF!</definedName>
    <definedName name="型枠_小型" localSheetId="6">#REF!</definedName>
    <definedName name="型枠_小型">#REF!</definedName>
    <definedName name="型枠_小型Ⅱ" localSheetId="6">#REF!</definedName>
    <definedName name="型枠_小型Ⅱ">#REF!</definedName>
    <definedName name="型枠_鉄筋" localSheetId="6">#REF!</definedName>
    <definedName name="型枠_鉄筋">#REF!</definedName>
    <definedName name="型枠_無筋" localSheetId="6">#REF!</definedName>
    <definedName name="型枠_無筋">#REF!</definedName>
    <definedName name="型枠工" localSheetId="6">#REF!</definedName>
    <definedName name="型枠工">#REF!</definedName>
    <definedName name="形状寸法" localSheetId="6">#REF!</definedName>
    <definedName name="形状寸法">#REF!</definedName>
    <definedName name="系列数">[57]条件!$C$8</definedName>
    <definedName name="経費">[3]歩・屋!$W$3</definedName>
    <definedName name="経費率" localSheetId="6">#REF!</definedName>
    <definedName name="経費率">#REF!</definedName>
    <definedName name="継続" localSheetId="6">#REF!</definedName>
    <definedName name="継続">#REF!</definedName>
    <definedName name="罫非表示" localSheetId="6">#REF!</definedName>
    <definedName name="罫非表示">#REF!</definedName>
    <definedName name="罫表示" localSheetId="6">#REF!</definedName>
    <definedName name="罫表示">#REF!</definedName>
    <definedName name="計" localSheetId="6">#REF!</definedName>
    <definedName name="計">#REF!</definedName>
    <definedName name="計画浄水量" localSheetId="6">#REF!</definedName>
    <definedName name="計画浄水量">#REF!</definedName>
    <definedName name="計画膜ろ過水量">[57]条件!$C$17</definedName>
    <definedName name="計画膜ろ過流束">[57]条件!$C$5</definedName>
    <definedName name="計算書" localSheetId="6">#REF!</definedName>
    <definedName name="計算書">#REF!</definedName>
    <definedName name="計装" hidden="1">{"設定1",#N/A,FALSE,"第5号-1";"設定2",#N/A,FALSE,"第5号-1"}</definedName>
    <definedName name="軽作業員" localSheetId="6">#REF!</definedName>
    <definedName name="軽作業員">#REF!</definedName>
    <definedName name="軽油" localSheetId="6">#REF!</definedName>
    <definedName name="軽油">#REF!</definedName>
    <definedName name="軽油陸上用" localSheetId="6">#REF!</definedName>
    <definedName name="軽油陸上用">#REF!</definedName>
    <definedName name="桁" localSheetId="6">#REF!</definedName>
    <definedName name="桁">#REF!</definedName>
    <definedName name="月_1日" localSheetId="6">#REF!</definedName>
    <definedName name="月_1日">#REF!</definedName>
    <definedName name="件">[0]!件</definedName>
    <definedName name="建具工" localSheetId="6">#REF!</definedName>
    <definedName name="建具工">#REF!</definedName>
    <definedName name="建築">[6]内訳!$A$42</definedName>
    <definedName name="建築ﾌﾞﾛｯｸ工" localSheetId="6">#REF!</definedName>
    <definedName name="建築ﾌﾞﾛｯｸ工">#REF!</definedName>
    <definedName name="建築一般率表" localSheetId="6">#REF!</definedName>
    <definedName name="建築一般率表">#REF!</definedName>
    <definedName name="建築現場改率表" localSheetId="6">#REF!</definedName>
    <definedName name="建築現場改率表">#REF!</definedName>
    <definedName name="建築現場新率表" localSheetId="6">#REF!</definedName>
    <definedName name="建築現場新率表">#REF!</definedName>
    <definedName name="建築工事" localSheetId="6">#REF!</definedName>
    <definedName name="建築工事">#REF!</definedName>
    <definedName name="建築電気設備" hidden="1">{#N/A,#N/A,FALSE,"内訳"}</definedName>
    <definedName name="県名" localSheetId="6">#REF!</definedName>
    <definedName name="県名">#REF!</definedName>
    <definedName name="見積空調" localSheetId="6">'[67]代価表 '!#REF!</definedName>
    <definedName name="見積空調">'[67]代価表 '!#REF!</definedName>
    <definedName name="見積比較換気">'[68]代価表 '!$Z$2</definedName>
    <definedName name="見積比較表">'[69]代価表 '!$Z$2</definedName>
    <definedName name="見比衛生2" localSheetId="6">'[70]代価表 '!#REF!</definedName>
    <definedName name="見比衛生2">'[70]代価表 '!#REF!</definedName>
    <definedName name="原価" localSheetId="6">#REF!</definedName>
    <definedName name="原価">#REF!</definedName>
    <definedName name="原水量" localSheetId="6">#REF!</definedName>
    <definedName name="原水量">#REF!</definedName>
    <definedName name="現" localSheetId="6">#REF!</definedName>
    <definedName name="現">#REF!</definedName>
    <definedName name="現管" localSheetId="6">#REF!</definedName>
    <definedName name="現管">#REF!</definedName>
    <definedName name="現場管理費" localSheetId="6">#REF!</definedName>
    <definedName name="現場管理費">#REF!</definedName>
    <definedName name="呼出">#N/A</definedName>
    <definedName name="交通整理員" localSheetId="6">#REF!</definedName>
    <definedName name="交通整理員">#REF!</definedName>
    <definedName name="工事カ所名">[71]設計書入力!$DT$23:$DU$700</definedName>
    <definedName name="工事件名">[72]工事総括!$C$3</definedName>
    <definedName name="工事明細" localSheetId="6">#REF!</definedName>
    <definedName name="工事明細">#REF!</definedName>
    <definedName name="工種区分" localSheetId="6">#REF!</definedName>
    <definedName name="工種区分">#REF!</definedName>
    <definedName name="工場派遣労務費" localSheetId="6">#REF!</definedName>
    <definedName name="工場派遣労務費">#REF!</definedName>
    <definedName name="甲形止水栓φ20" localSheetId="6">#REF!</definedName>
    <definedName name="甲形止水栓φ20">#REF!</definedName>
    <definedName name="甲形止水栓φ25" localSheetId="6">#REF!</definedName>
    <definedName name="甲形止水栓φ25">#REF!</definedName>
    <definedName name="甲形止水栓φ40" localSheetId="6">#REF!</definedName>
    <definedName name="甲形止水栓φ40">#REF!</definedName>
    <definedName name="行削除" localSheetId="6">#REF!</definedName>
    <definedName name="行削除">#REF!</definedName>
    <definedName name="行数" localSheetId="6">#REF!</definedName>
    <definedName name="行数">#REF!</definedName>
    <definedName name="行数18">#N/A</definedName>
    <definedName name="行挿入" localSheetId="6">#REF!</definedName>
    <definedName name="行挿入">#REF!</definedName>
    <definedName name="鋼管" localSheetId="6">#REF!</definedName>
    <definedName name="鋼管">#REF!</definedName>
    <definedName name="鋼管φ20" localSheetId="6">#REF!</definedName>
    <definedName name="鋼管φ20">#REF!</definedName>
    <definedName name="鋼管φ25" localSheetId="6">#REF!</definedName>
    <definedName name="鋼管φ25">#REF!</definedName>
    <definedName name="鋼管φ40" localSheetId="6">#REF!</definedName>
    <definedName name="鋼管φ40">#REF!</definedName>
    <definedName name="鋼製加工品" localSheetId="6">#REF!</definedName>
    <definedName name="鋼製加工品">#REF!</definedName>
    <definedName name="鋼製架台" localSheetId="6">#REF!</definedName>
    <definedName name="鋼製架台">#REF!</definedName>
    <definedName name="高さ1" localSheetId="6">#REF!</definedName>
    <definedName name="高さ1">#REF!</definedName>
    <definedName name="高級船員" localSheetId="6">#REF!</definedName>
    <definedName name="高級船員">#REF!</definedName>
    <definedName name="根拠設定" localSheetId="6">[60]表紙!#REF!</definedName>
    <definedName name="根拠設定">[60]表紙!#REF!</definedName>
    <definedName name="根拠範囲">[3]歩・屋!$B$3:$AD$372</definedName>
    <definedName name="左官" localSheetId="6">#REF!</definedName>
    <definedName name="左官">#REF!</definedName>
    <definedName name="査定率" localSheetId="6">#REF!</definedName>
    <definedName name="査定率">#REF!</definedName>
    <definedName name="査定率表" localSheetId="6">[56]見積･重量!#REF!</definedName>
    <definedName name="査定率表">[56]見積･重量!#REF!</definedName>
    <definedName name="最大給水量" localSheetId="6">#REF!</definedName>
    <definedName name="最大給水量">#REF!</definedName>
    <definedName name="砕石">[73]一位代価表!$F$147</definedName>
    <definedName name="細粒度AS" localSheetId="6">#REF!</definedName>
    <definedName name="細粒度AS">#REF!</definedName>
    <definedName name="材質" localSheetId="6">#REF!</definedName>
    <definedName name="材質">#REF!</definedName>
    <definedName name="材種">[74]鉄骨DATA!$A$2:$A$10</definedName>
    <definedName name="材料形状" localSheetId="6">#REF!</definedName>
    <definedName name="材料形状">#REF!</definedName>
    <definedName name="削除" localSheetId="6">#REF!</definedName>
    <definedName name="削除">#REF!</definedName>
    <definedName name="撮影士" localSheetId="6">#REF!</definedName>
    <definedName name="撮影士">#REF!</definedName>
    <definedName name="撮影助手" localSheetId="6">#REF!</definedName>
    <definedName name="撮影助手">#REF!</definedName>
    <definedName name="雑材率" localSheetId="6">#REF!</definedName>
    <definedName name="雑材率">#REF!</definedName>
    <definedName name="山砂" localSheetId="6">#REF!</definedName>
    <definedName name="山砂">#REF!</definedName>
    <definedName name="山林砂防工" localSheetId="6">#REF!</definedName>
    <definedName name="山林砂防工">#REF!</definedName>
    <definedName name="酸素" localSheetId="6">#REF!</definedName>
    <definedName name="酸素">#REF!</definedName>
    <definedName name="残土自由処分" localSheetId="6">#REF!</definedName>
    <definedName name="残土自由処分">#REF!</definedName>
    <definedName name="使用量" localSheetId="6">#REF!</definedName>
    <definedName name="使用量">#REF!</definedName>
    <definedName name="施工区分" localSheetId="6">#REF!</definedName>
    <definedName name="施工区分">#REF!</definedName>
    <definedName name="施工地域" localSheetId="6">#REF!</definedName>
    <definedName name="施工地域">#REF!</definedName>
    <definedName name="試運転費" localSheetId="6">#REF!</definedName>
    <definedName name="試運転費">#REF!</definedName>
    <definedName name="寺井２" hidden="1">{"設定1",#N/A,FALSE,"第5号-1";"設定2",#N/A,FALSE,"第5号-1"}</definedName>
    <definedName name="次亜逆洗費" localSheetId="6">#REF!</definedName>
    <definedName name="次亜逆洗費">#REF!</definedName>
    <definedName name="次亜消毒費" localSheetId="6">#REF!</definedName>
    <definedName name="次亜消毒費">#REF!</definedName>
    <definedName name="次亜単価" localSheetId="6">#REF!</definedName>
    <definedName name="次亜単価">#REF!</definedName>
    <definedName name="自家発" localSheetId="6">[75]!Dialog3_ボタン2_Click</definedName>
    <definedName name="自家発" localSheetId="5">[75]!Dialog3_ボタン2_Click</definedName>
    <definedName name="自家発">[75]!Dialog3_ボタン2_Click</definedName>
    <definedName name="室内">[6]内訳!$A$249</definedName>
    <definedName name="実行" localSheetId="6">#REF!</definedName>
    <definedName name="実行">#REF!</definedName>
    <definedName name="主任技師" localSheetId="6">#REF!</definedName>
    <definedName name="主任技師">#REF!</definedName>
    <definedName name="主任技術者" localSheetId="6">#REF!</definedName>
    <definedName name="主任技術者">#REF!</definedName>
    <definedName name="主任地質調査員" localSheetId="6">#REF!</definedName>
    <definedName name="主任地質調査員">#REF!</definedName>
    <definedName name="種別" localSheetId="6">[56]見積･重量!#REF!</definedName>
    <definedName name="種別">[56]見積･重量!#REF!</definedName>
    <definedName name="修正" localSheetId="6">[23]表紙!#REF!</definedName>
    <definedName name="修正">[23]表紙!#REF!</definedName>
    <definedName name="修正1" localSheetId="6">[23]表紙!#REF!</definedName>
    <definedName name="修正1">[23]表紙!#REF!</definedName>
    <definedName name="修正2" localSheetId="6">[23]表紙!#REF!</definedName>
    <definedName name="修正2">[23]表紙!#REF!</definedName>
    <definedName name="修正3" localSheetId="6">[23]表紙!#REF!</definedName>
    <definedName name="修正3">[23]表紙!#REF!</definedName>
    <definedName name="修正4" localSheetId="6">[23]表紙!#REF!</definedName>
    <definedName name="修正4">[23]表紙!#REF!</definedName>
    <definedName name="修正5" localSheetId="6">[60]表紙!#REF!</definedName>
    <definedName name="修正5">[60]表紙!#REF!</definedName>
    <definedName name="修正6" localSheetId="6">[60]表紙!#REF!</definedName>
    <definedName name="修正6">[60]表紙!#REF!</definedName>
    <definedName name="修正年月">[76]目次!$B$2</definedName>
    <definedName name="終了">#N/A</definedName>
    <definedName name="出力" localSheetId="6">#REF!</definedName>
    <definedName name="出力">#REF!</definedName>
    <definedName name="出力２">'[3]#REF'!$U$5:$AK$5</definedName>
    <definedName name="準備" localSheetId="6">#REF!</definedName>
    <definedName name="準備">#REF!</definedName>
    <definedName name="純元" localSheetId="6">#REF!</definedName>
    <definedName name="純元">#REF!</definedName>
    <definedName name="純工" localSheetId="6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水量" localSheetId="6">#REF!</definedName>
    <definedName name="処理水量">#REF!</definedName>
    <definedName name="小計">[71]設計書入力!$FD$21:$GH$23</definedName>
    <definedName name="小松経費" localSheetId="6" hidden="1">#REF!</definedName>
    <definedName name="小松経費" hidden="1">#REF!</definedName>
    <definedName name="小配管" localSheetId="6">#REF!</definedName>
    <definedName name="小配管">#REF!</definedName>
    <definedName name="小配管弁類" localSheetId="6">#REF!</definedName>
    <definedName name="小配管弁類">#REF!</definedName>
    <definedName name="小便器" localSheetId="6">#REF!</definedName>
    <definedName name="小便器">#REF!</definedName>
    <definedName name="松阪市" localSheetId="6">#REF!</definedName>
    <definedName name="松阪市">#REF!</definedName>
    <definedName name="消毒次亜費" localSheetId="6">#REF!</definedName>
    <definedName name="消毒次亜費">#REF!</definedName>
    <definedName name="消毒費" localSheetId="6">#REF!</definedName>
    <definedName name="消毒費">#REF!</definedName>
    <definedName name="照明" hidden="1">{"設定1",#N/A,FALSE,"第5号-1";"設定2",#N/A,FALSE,"第5号-1"}</definedName>
    <definedName name="照明器具_K201" localSheetId="6">#REF!</definedName>
    <definedName name="照明器具_K201">#REF!</definedName>
    <definedName name="省略単価" localSheetId="6">#REF!</definedName>
    <definedName name="省略単価">#REF!</definedName>
    <definedName name="条件" localSheetId="6">#REF!</definedName>
    <definedName name="条件">#REF!</definedName>
    <definedName name="条件１" localSheetId="6">#REF!</definedName>
    <definedName name="条件１">#REF!</definedName>
    <definedName name="条件２" localSheetId="6">#REF!</definedName>
    <definedName name="条件２">#REF!</definedName>
    <definedName name="条件３" localSheetId="6">#REF!</definedName>
    <definedName name="条件３">#REF!</definedName>
    <definedName name="条件４" localSheetId="6">#REF!</definedName>
    <definedName name="条件４">#REF!</definedName>
    <definedName name="条件５" localSheetId="6">#REF!</definedName>
    <definedName name="条件５">#REF!</definedName>
    <definedName name="条件６" localSheetId="6">#REF!</definedName>
    <definedName name="条件６">#REF!</definedName>
    <definedName name="浄化槽" localSheetId="6">#REF!</definedName>
    <definedName name="浄化槽">#REF!</definedName>
    <definedName name="伸縮止水栓φ20" localSheetId="6">#REF!</definedName>
    <definedName name="伸縮止水栓φ20">#REF!</definedName>
    <definedName name="伸縮止水栓φ20×φ13" localSheetId="6">#REF!</definedName>
    <definedName name="伸縮止水栓φ20×φ13">#REF!</definedName>
    <definedName name="伸縮止水栓φ20×φ16" localSheetId="6">#REF!</definedName>
    <definedName name="伸縮止水栓φ20×φ16">#REF!</definedName>
    <definedName name="伸縮止水栓φ25" localSheetId="6">#REF!</definedName>
    <definedName name="伸縮止水栓φ25">#REF!</definedName>
    <definedName name="伸縮止水栓φ40" localSheetId="6">#REF!</definedName>
    <definedName name="伸縮止水栓φ40">#REF!</definedName>
    <definedName name="新設・撤去・再用区分" localSheetId="6">#REF!</definedName>
    <definedName name="新設・撤去・再用区分">#REF!</definedName>
    <definedName name="人件費" localSheetId="6">#REF!</definedName>
    <definedName name="人件費">#REF!</definedName>
    <definedName name="人工集計表" localSheetId="6">#REF!</definedName>
    <definedName name="人工集計表">#REF!</definedName>
    <definedName name="人力床堀" localSheetId="6">#REF!</definedName>
    <definedName name="人力床堀">#REF!</definedName>
    <definedName name="人力埋戻工" localSheetId="6">#REF!</definedName>
    <definedName name="人力埋戻工">#REF!</definedName>
    <definedName name="人力埋戻工ﾀﾝﾊﾟｰ" localSheetId="6">#REF!</definedName>
    <definedName name="人力埋戻工ﾀﾝﾊﾟｰ">#REF!</definedName>
    <definedName name="水位取水1＿データ" localSheetId="6">#REF!</definedName>
    <definedName name="水位取水1＿データ">#REF!</definedName>
    <definedName name="水位取水1データ" localSheetId="6">#REF!</definedName>
    <definedName name="水位取水1データ">#REF!</definedName>
    <definedName name="水槽_FRP">[3]歩・屋!$W$6</definedName>
    <definedName name="水槽_鉄">[3]歩・屋!$W$7</definedName>
    <definedName name="水中ポンプ">[73]一位代価表!$F$223</definedName>
    <definedName name="数値" localSheetId="6">#REF!</definedName>
    <definedName name="数値">#REF!</definedName>
    <definedName name="数値コピー" localSheetId="6">#REF!</definedName>
    <definedName name="数値コピー">#REF!</definedName>
    <definedName name="数量" localSheetId="6">#REF!</definedName>
    <definedName name="数量">#REF!</definedName>
    <definedName name="数量1" localSheetId="6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 localSheetId="6">#REF!</definedName>
    <definedName name="整備士">#REF!</definedName>
    <definedName name="生コンFｰ160" localSheetId="6">#REF!</definedName>
    <definedName name="生コンFｰ160">#REF!</definedName>
    <definedName name="生コンFｰ210" localSheetId="6">#REF!</definedName>
    <definedName name="生コンFｰ210">#REF!</definedName>
    <definedName name="請負額算定" localSheetId="6">[77]!印刷</definedName>
    <definedName name="請負額算定" localSheetId="5">[77]!印刷</definedName>
    <definedName name="請負額算定">[77]!印刷</definedName>
    <definedName name="石工" localSheetId="6">#REF!</definedName>
    <definedName name="石工">#REF!</definedName>
    <definedName name="切込砕石Cｰ30" localSheetId="6">#REF!</definedName>
    <definedName name="切込砕石Cｰ30">#REF!</definedName>
    <definedName name="切込砕石Cｰ40" localSheetId="6">#REF!</definedName>
    <definedName name="切込砕石Cｰ40">#REF!</definedName>
    <definedName name="切込砕石Cｰ80" localSheetId="6">#REF!</definedName>
    <definedName name="切込砕石Cｰ80">#REF!</definedName>
    <definedName name="接合材料率" localSheetId="6">#REF!</definedName>
    <definedName name="接合材料率">#REF!</definedName>
    <definedName name="設計" localSheetId="6">[64]表紙!#REF!</definedName>
    <definedName name="設計">[64]表紙!#REF!</definedName>
    <definedName name="設計技術員" localSheetId="6">#REF!</definedName>
    <definedName name="設計技術員">#REF!</definedName>
    <definedName name="設計書2">[0]!設計書2</definedName>
    <definedName name="設計書表紙金入" localSheetId="6">#REF!</definedName>
    <definedName name="設計書表紙金入">#REF!</definedName>
    <definedName name="設計書表紙金抜" localSheetId="6">#REF!</definedName>
    <definedName name="設計書表紙金抜">#REF!</definedName>
    <definedName name="設計書表紙金抜２">[78]設計書!$AN$63:$AX$86</definedName>
    <definedName name="設備機械工" localSheetId="6">#REF!</definedName>
    <definedName name="設備機械工">#REF!</definedName>
    <definedName name="設備名称1" localSheetId="6">#REF!</definedName>
    <definedName name="設備名称1">#REF!</definedName>
    <definedName name="洗面器" localSheetId="6">#REF!</definedName>
    <definedName name="洗面器">#REF!</definedName>
    <definedName name="潜かん工" localSheetId="6">#REF!</definedName>
    <definedName name="潜かん工">#REF!</definedName>
    <definedName name="潜かん世話役" localSheetId="6">#REF!</definedName>
    <definedName name="潜かん世話役">#REF!</definedName>
    <definedName name="潜水士" localSheetId="6">#REF!</definedName>
    <definedName name="潜水士">#REF!</definedName>
    <definedName name="潜水世話役" localSheetId="6">#REF!</definedName>
    <definedName name="潜水世話役">#REF!</definedName>
    <definedName name="潜水送気員" localSheetId="6">#REF!</definedName>
    <definedName name="潜水送気員">#REF!</definedName>
    <definedName name="潜水連絡員" localSheetId="6">#REF!</definedName>
    <definedName name="潜水連絡員">#REF!</definedName>
    <definedName name="船団長" localSheetId="6">#REF!</definedName>
    <definedName name="船団長">#REF!</definedName>
    <definedName name="前払金割合" localSheetId="6">#REF!</definedName>
    <definedName name="前払金割合">#REF!</definedName>
    <definedName name="全体内訳書" hidden="1">{"設定1",#N/A,FALSE,"第5号-1";"設定2",#N/A,FALSE,"第5号-1"}</definedName>
    <definedName name="全頁印刷" localSheetId="6">[23]表紙!#REF!</definedName>
    <definedName name="全頁印刷">[23]表紙!#REF!</definedName>
    <definedName name="粗粒AS" localSheetId="6">#REF!</definedName>
    <definedName name="粗粒AS">#REF!</definedName>
    <definedName name="組合せ試験費" localSheetId="6">#REF!</definedName>
    <definedName name="組合せ試験費">#REF!</definedName>
    <definedName name="創" localSheetId="6">#REF!</definedName>
    <definedName name="創">#REF!</definedName>
    <definedName name="操縦士" localSheetId="6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 localSheetId="6">#REF!</definedName>
    <definedName name="造園工">#REF!</definedName>
    <definedName name="測量技師" localSheetId="6">#REF!</definedName>
    <definedName name="測量技師">#REF!</definedName>
    <definedName name="測量技師補" localSheetId="6">#REF!</definedName>
    <definedName name="測量技師補">#REF!</definedName>
    <definedName name="測量主任技師" localSheetId="6">#REF!</definedName>
    <definedName name="測量主任技師">#REF!</definedName>
    <definedName name="測量助手" localSheetId="6">#REF!</definedName>
    <definedName name="測量助手">#REF!</definedName>
    <definedName name="測量上級主任技師" localSheetId="6">#REF!</definedName>
    <definedName name="測量上級主任技師">#REF!</definedName>
    <definedName name="続" localSheetId="6">#REF!</definedName>
    <definedName name="続">#REF!</definedName>
    <definedName name="多度" localSheetId="6">#REF!</definedName>
    <definedName name="多度">#REF!</definedName>
    <definedName name="多度内訳書その２" localSheetId="6">#REF!</definedName>
    <definedName name="多度内訳書その２">#REF!</definedName>
    <definedName name="太罫線" localSheetId="6">#REF!</definedName>
    <definedName name="太罫線">#REF!</definedName>
    <definedName name="耐震水槽">[3]歩・屋!$W$11</definedName>
    <definedName name="代価">[0]!代価</definedName>
    <definedName name="代価1" hidden="1">{#N/A,#N/A,FALSE,"内訳"}</definedName>
    <definedName name="代価一覧PRINT" localSheetId="6">#REF!</definedName>
    <definedName name="代価一覧PRINT">#REF!</definedName>
    <definedName name="代価一覧表PRINT" localSheetId="6">#REF!</definedName>
    <definedName name="代価一覧表PRINT">#REF!</definedName>
    <definedName name="代価根拠範囲">[3]歩・屋!$B$3:$AD$362</definedName>
    <definedName name="代価電気">[79]一位代価!$A:$IV</definedName>
    <definedName name="代価表" localSheetId="6">#REF!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 localSheetId="6">#REF!</definedName>
    <definedName name="大工">#REF!</definedName>
    <definedName name="大便器" localSheetId="6">#REF!</definedName>
    <definedName name="大便器">#REF!</definedName>
    <definedName name="第_Ａ_２" localSheetId="6">#REF!</definedName>
    <definedName name="第_Ａ_２">#REF!</definedName>
    <definedName name="第_Ａ_３" localSheetId="6">#REF!</definedName>
    <definedName name="第_Ａ_３">#REF!</definedName>
    <definedName name="第_Ｂ_１" localSheetId="6">#REF!</definedName>
    <definedName name="第_Ｂ_１">#REF!</definedName>
    <definedName name="第_Ｂ_２" localSheetId="6">'[80]Ａ代価 '!#REF!</definedName>
    <definedName name="第_Ｂ_２">'[80]Ａ代価 '!#REF!</definedName>
    <definedName name="第_Ｂ_４" localSheetId="6">'[80]Ａ代価 '!#REF!</definedName>
    <definedName name="第_Ｂ_４">'[80]Ａ代価 '!#REF!</definedName>
    <definedName name="第１号管代価" localSheetId="6">#REF!</definedName>
    <definedName name="第１号管代価">#REF!</definedName>
    <definedName name="第１号明細書" hidden="1">{"設定1",#N/A,FALSE,"第5号-1";"設定2",#N/A,FALSE,"第5号-1"}</definedName>
    <definedName name="第一号" localSheetId="6">#REF!</definedName>
    <definedName name="第一号">#REF!</definedName>
    <definedName name="第三号" localSheetId="6">#REF!</definedName>
    <definedName name="第三号">#REF!</definedName>
    <definedName name="第二号" localSheetId="6">[81]経費計算!#REF!</definedName>
    <definedName name="第二号">[81]経費計算!#REF!</definedName>
    <definedName name="単位" localSheetId="6">#REF!</definedName>
    <definedName name="単位">#REF!</definedName>
    <definedName name="単位量" localSheetId="6">#REF!</definedName>
    <definedName name="単位量">#REF!</definedName>
    <definedName name="単価" localSheetId="6">#REF!</definedName>
    <definedName name="単価">#REF!</definedName>
    <definedName name="単価コード">[82]単価コード!$B$1:$H$65536</definedName>
    <definedName name="単価一覧" localSheetId="6">#REF!</definedName>
    <definedName name="単価一覧">#REF!</definedName>
    <definedName name="単価一覧表">[83]単価一覧表!$A$2:$H$378</definedName>
    <definedName name="単価表">[84]単価コード表!$B$3:$L$1403</definedName>
    <definedName name="段数">[57]条件!$C$10</definedName>
    <definedName name="地質調査員" localSheetId="6">#REF!</definedName>
    <definedName name="地質調査員">#REF!</definedName>
    <definedName name="地質調査技師" localSheetId="6">#REF!</definedName>
    <definedName name="地質調査技師">#REF!</definedName>
    <definedName name="池数__1池式" localSheetId="6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 localSheetId="6">#REF!</definedName>
    <definedName name="中部">#REF!</definedName>
    <definedName name="鋳鉄管" localSheetId="6">#REF!</definedName>
    <definedName name="鋳鉄管">#REF!</definedName>
    <definedName name="鋳鉄管重量表" localSheetId="6">#REF!</definedName>
    <definedName name="鋳鉄管重量表">#REF!</definedName>
    <definedName name="鋳鉄管切断機500以下" localSheetId="6">#REF!</definedName>
    <definedName name="鋳鉄管切断機500以下">#REF!</definedName>
    <definedName name="鋳鉄管弁類" localSheetId="6">#REF!</definedName>
    <definedName name="鋳鉄管弁類">#REF!</definedName>
    <definedName name="長さ1" localSheetId="6">#REF!</definedName>
    <definedName name="長さ1">#REF!</definedName>
    <definedName name="直仮">[6]内訳!$A$79</definedName>
    <definedName name="直管重量" localSheetId="6">#REF!</definedName>
    <definedName name="直管重量">#REF!</definedName>
    <definedName name="直工" localSheetId="6">#REF!</definedName>
    <definedName name="直工">#REF!</definedName>
    <definedName name="直接工事費" localSheetId="6">#REF!</definedName>
    <definedName name="直接工事費">#REF!</definedName>
    <definedName name="低減率" localSheetId="6">#REF!</definedName>
    <definedName name="低減率">#REF!</definedName>
    <definedName name="提出範囲">[3]歩・屋!$B$3:$V$372</definedName>
    <definedName name="適用２" localSheetId="6">#REF!</definedName>
    <definedName name="適用２">#REF!</definedName>
    <definedName name="撤去" localSheetId="6">#REF!</definedName>
    <definedName name="撤去">#REF!</definedName>
    <definedName name="鉄管" localSheetId="6">#REF!</definedName>
    <definedName name="鉄管">#REF!</definedName>
    <definedName name="鉄筋工" localSheetId="6">#REF!</definedName>
    <definedName name="鉄筋工">#REF!</definedName>
    <definedName name="鉄骨工" localSheetId="6">#REF!</definedName>
    <definedName name="鉄骨工">#REF!</definedName>
    <definedName name="田端" localSheetId="6">#REF!</definedName>
    <definedName name="田端">#REF!</definedName>
    <definedName name="電気">[85]Ⅶ電気!$B$1</definedName>
    <definedName name="電気①" localSheetId="6">#REF!</definedName>
    <definedName name="電気①">#REF!</definedName>
    <definedName name="電気②" localSheetId="6" hidden="1">#REF!</definedName>
    <definedName name="電気②" hidden="1">#REF!</definedName>
    <definedName name="電気一般率表" localSheetId="6">#REF!</definedName>
    <definedName name="電気一般率表">#REF!</definedName>
    <definedName name="電気温水器">[3]歩・屋!$W$9</definedName>
    <definedName name="電気温水器B">[3]歩・屋!$W$9</definedName>
    <definedName name="電気仮設改率表" localSheetId="6">#REF!</definedName>
    <definedName name="電気仮設改率表">#REF!</definedName>
    <definedName name="電気仮設新率表" localSheetId="6">#REF!</definedName>
    <definedName name="電気仮設新率表">#REF!</definedName>
    <definedName name="電気現場改率表" localSheetId="6">#REF!</definedName>
    <definedName name="電気現場改率表">#REF!</definedName>
    <definedName name="電気現場新率表" localSheetId="6">#REF!</definedName>
    <definedName name="電気現場新率表">#REF!</definedName>
    <definedName name="電気材料" localSheetId="6">[81]経費計算!#REF!</definedName>
    <definedName name="電気材料">[81]経費計算!#REF!</definedName>
    <definedName name="電気材料①" localSheetId="6">[81]経費計算!#REF!</definedName>
    <definedName name="電気材料①">[81]経費計算!#REF!</definedName>
    <definedName name="電気材料③" localSheetId="6">[81]経費計算!#REF!</definedName>
    <definedName name="電気材料③">[81]経費計算!#REF!</definedName>
    <definedName name="電気代価">[86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 localSheetId="6">[87]!ピクチャ5_Click</definedName>
    <definedName name="電極" localSheetId="5">[87]!ピクチャ5_Click</definedName>
    <definedName name="電極">[87]!ピクチャ5_Click</definedName>
    <definedName name="電工" localSheetId="6">#REF!</definedName>
    <definedName name="電工">#REF!</definedName>
    <definedName name="電工1" localSheetId="6">[24]ｹｰﾌﾞﾙ計!#REF!</definedName>
    <definedName name="電工1">[24]ｹｰﾌﾞﾙ計!#REF!</definedName>
    <definedName name="電線管埋設" localSheetId="6">#REF!</definedName>
    <definedName name="電線管埋設">#REF!</definedName>
    <definedName name="電線管類" localSheetId="6">#REF!</definedName>
    <definedName name="電線管類">#REF!</definedName>
    <definedName name="電柱基礎" localSheetId="6">#REF!</definedName>
    <definedName name="電柱基礎">#REF!</definedName>
    <definedName name="電力量" localSheetId="6">#REF!</definedName>
    <definedName name="電力量">#REF!</definedName>
    <definedName name="吐" localSheetId="6">[53]内訳!#REF!</definedName>
    <definedName name="吐">[53]内訳!#REF!</definedName>
    <definedName name="吐１" localSheetId="6">[53]内訳!#REF!</definedName>
    <definedName name="吐１">[53]内訳!#REF!</definedName>
    <definedName name="吐出" localSheetId="6">[53]内訳!#REF!</definedName>
    <definedName name="吐出">[53]内訳!#REF!</definedName>
    <definedName name="吐出弁" localSheetId="6">[53]内訳!#REF!</definedName>
    <definedName name="吐出弁">[53]内訳!#REF!</definedName>
    <definedName name="塗装" localSheetId="6">#REF!</definedName>
    <definedName name="塗装">#REF!</definedName>
    <definedName name="塗装・被覆工" localSheetId="6">#REF!</definedName>
    <definedName name="塗装・被覆工">#REF!</definedName>
    <definedName name="塗装工" localSheetId="6">#REF!</definedName>
    <definedName name="塗装工">#REF!</definedName>
    <definedName name="塗装費" localSheetId="6">#REF!</definedName>
    <definedName name="塗装費">#REF!</definedName>
    <definedName name="土工">[73]工事費内訳表!$H$11</definedName>
    <definedName name="土木一般世話役" localSheetId="6">#REF!</definedName>
    <definedName name="土木一般世話役">#REF!</definedName>
    <definedName name="土木世話役" localSheetId="6">#REF!</definedName>
    <definedName name="土木世話役">#REF!</definedName>
    <definedName name="土留工" localSheetId="6">#REF!</definedName>
    <definedName name="土留工">#REF!</definedName>
    <definedName name="土量計算書" localSheetId="6">[47]表紙!#REF!</definedName>
    <definedName name="土量計算書">[47]表紙!#REF!</definedName>
    <definedName name="東海" localSheetId="6">#REF!</definedName>
    <definedName name="東海">#REF!</definedName>
    <definedName name="湯ノ谷印刷" localSheetId="6">[88]!湯ノ谷印刷</definedName>
    <definedName name="湯ノ谷印刷" localSheetId="5">[88]!湯ノ谷印刷</definedName>
    <definedName name="湯ノ谷印刷">[88]!湯ノ谷印刷</definedName>
    <definedName name="当り" localSheetId="6">#REF!</definedName>
    <definedName name="当り">#REF!</definedName>
    <definedName name="頭２" hidden="1">{#N/A,#N/A,FALSE,"Sheet16";#N/A,#N/A,FALSE,"Sheet16"}</definedName>
    <definedName name="頭出しA" localSheetId="6">[89]修正履歴!#REF!</definedName>
    <definedName name="頭出しA">[89]修正履歴!#REF!</definedName>
    <definedName name="動力費" localSheetId="6">#REF!</definedName>
    <definedName name="動力費">#REF!</definedName>
    <definedName name="特殊運転手" localSheetId="6">#REF!</definedName>
    <definedName name="特殊運転手">#REF!</definedName>
    <definedName name="特殊作業員" localSheetId="6">#REF!</definedName>
    <definedName name="特殊作業員">#REF!</definedName>
    <definedName name="特別仮設工事" hidden="1">{#N/A,#N/A,FALSE,"Sheet16";#N/A,#N/A,FALSE,"Sheet16"}</definedName>
    <definedName name="内屋根">[6]内訳!$A$153</definedName>
    <definedName name="内外構">[6]内訳!$A$361</definedName>
    <definedName name="内躯体">[6]内訳!$A$56</definedName>
    <definedName name="内装工" localSheetId="6">#REF!</definedName>
    <definedName name="内装工">#REF!</definedName>
    <definedName name="内部給排1" localSheetId="6">[90]外部改修工事!#REF!</definedName>
    <definedName name="内部給排1">[90]外部改修工事!#REF!</definedName>
    <definedName name="内部給排2" localSheetId="6">[90]外部改修工事!#REF!</definedName>
    <definedName name="内部給排2">[90]外部改修工事!#REF!</definedName>
    <definedName name="内部給排3" localSheetId="6">[90]外部改修工事!#REF!</definedName>
    <definedName name="内部給排3">[90]外部改修工事!#REF!</definedName>
    <definedName name="内部建具">[6]内部!$A$1</definedName>
    <definedName name="内部雑">[6]内訳!$A$316</definedName>
    <definedName name="内訳" hidden="1">{#N/A,#N/A,FALSE,"内訳"}</definedName>
    <definedName name="内訳１" hidden="1">{#N/A,#N/A,FALSE,"内訳"}</definedName>
    <definedName name="内訳2" localSheetId="6">[91]内訳!#REF!</definedName>
    <definedName name="内訳2">[91]内訳!#REF!</definedName>
    <definedName name="内訳20" hidden="1">{#N/A,#N/A,FALSE,"内訳"}</definedName>
    <definedName name="内訳21" hidden="1">{#N/A,#N/A,FALSE,"内訳"}</definedName>
    <definedName name="内訳２２" hidden="1">{#N/A,#N/A,FALSE,"内訳"}</definedName>
    <definedName name="内訳23" hidden="1">{#N/A,#N/A,FALSE,"内訳"}</definedName>
    <definedName name="内訳24" hidden="1">{#N/A,#N/A,FALSE,"内訳"}</definedName>
    <definedName name="内訳25" hidden="1">{#N/A,#N/A,FALSE,"内訳"}</definedName>
    <definedName name="内訳26" hidden="1">{#N/A,#N/A,FALSE,"内訳"}</definedName>
    <definedName name="内訳27" hidden="1">{#N/A,#N/A,FALSE,"内訳"}</definedName>
    <definedName name="内訳28" hidden="1">{#N/A,#N/A,FALSE,"内訳"}</definedName>
    <definedName name="内訳29" hidden="1">{#N/A,#N/A,FALSE,"内訳"}</definedName>
    <definedName name="内訳３" hidden="1">{#N/A,#N/A,FALSE,"内訳"}</definedName>
    <definedName name="内訳30" hidden="1">{#N/A,#N/A,FALSE,"内訳"}</definedName>
    <definedName name="内訳31" hidden="1">{#N/A,#N/A,FALSE,"内訳"}</definedName>
    <definedName name="内訳33" hidden="1">{#N/A,#N/A,FALSE,"内訳"}</definedName>
    <definedName name="内訳34" hidden="1">{#N/A,#N/A,FALSE,"内訳"}</definedName>
    <definedName name="内訳35" hidden="1">{#N/A,#N/A,FALSE,"内訳"}</definedName>
    <definedName name="内訳36" hidden="1">{#N/A,#N/A,FALSE,"内訳"}</definedName>
    <definedName name="内訳37" hidden="1">{#N/A,#N/A,FALSE,"内訳"}</definedName>
    <definedName name="内訳38" hidden="1">{#N/A,#N/A,FALSE,"内訳"}</definedName>
    <definedName name="内訳39" hidden="1">{#N/A,#N/A,FALSE,"内訳"}</definedName>
    <definedName name="内訳４" hidden="1">{#N/A,#N/A,FALSE,"内訳"}</definedName>
    <definedName name="内訳40" hidden="1">{#N/A,#N/A,FALSE,"内訳"}</definedName>
    <definedName name="内訳55" hidden="1">{#N/A,#N/A,FALSE,"内訳"}</definedName>
    <definedName name="内訳６０" hidden="1">{#N/A,#N/A,FALSE,"内訳"}</definedName>
    <definedName name="内訳62" hidden="1">{#N/A,#N/A,FALSE,"内訳"}</definedName>
    <definedName name="内訳64" hidden="1">{#N/A,#N/A,FALSE,"内訳"}</definedName>
    <definedName name="内訳65" hidden="1">{#N/A,#N/A,FALSE,"内訳"}</definedName>
    <definedName name="内訳66" hidden="1">{#N/A,#N/A,FALSE,"内訳"}</definedName>
    <definedName name="内訳70" hidden="1">{#N/A,#N/A,FALSE,"内訳"}</definedName>
    <definedName name="内訳77" hidden="1">{#N/A,#N/A,FALSE,"内訳"}</definedName>
    <definedName name="内訳80" hidden="1">{#N/A,#N/A,FALSE,"内訳"}</definedName>
    <definedName name="内訳83" hidden="1">{#N/A,#N/A,FALSE,"内訳"}</definedName>
    <definedName name="内訳84" hidden="1">{#N/A,#N/A,FALSE,"内訳"}</definedName>
    <definedName name="内訳89" hidden="1">{#N/A,#N/A,FALSE,"内訳"}</definedName>
    <definedName name="内訳90" hidden="1">{#N/A,#N/A,FALSE,"内訳"}</definedName>
    <definedName name="内訳96" hidden="1">{#N/A,#N/A,FALSE,"内訳"}</definedName>
    <definedName name="内訳97" hidden="1">{#N/A,#N/A,FALSE,"内訳"}</definedName>
    <definedName name="内訳98" hidden="1">{#N/A,#N/A,FALSE,"内訳"}</definedName>
    <definedName name="内訳99" hidden="1">{#N/A,#N/A,FALSE,"内訳"}</definedName>
    <definedName name="内訳一覧" localSheetId="6">#REF!</definedName>
    <definedName name="内訳一覧">#REF!</definedName>
    <definedName name="内訳書" localSheetId="6">[92]別紙内訳!#REF!</definedName>
    <definedName name="内訳書">[92]別紙内訳!#REF!</definedName>
    <definedName name="二次" localSheetId="6">#REF!</definedName>
    <definedName name="二次">#REF!</definedName>
    <definedName name="日平均" localSheetId="6">#REF!</definedName>
    <definedName name="日平均">#REF!</definedName>
    <definedName name="入力" localSheetId="6">#REF!</definedName>
    <definedName name="入力">#REF!</definedName>
    <definedName name="入力項目印刷" localSheetId="6">#REF!</definedName>
    <definedName name="入力項目印刷">#REF!</definedName>
    <definedName name="入力項目表印刷" localSheetId="6">#REF!</definedName>
    <definedName name="入力項目表印刷">#REF!</definedName>
    <definedName name="廃材処分費" localSheetId="6">#REF!</definedName>
    <definedName name="廃材処分費">#REF!</definedName>
    <definedName name="排水">[93]排水器具・ﾄﾗｯﾌﾟ!$V$50:$AC$70</definedName>
    <definedName name="排水PS" localSheetId="6">#REF!</definedName>
    <definedName name="排水PS">#REF!</definedName>
    <definedName name="排水器具･ﾄﾗｯﾌﾟ等">[93]排水器具・ﾄﾗｯﾌﾟ!$V$50:$AC$70</definedName>
    <definedName name="配管工" localSheetId="6">#REF!</definedName>
    <definedName name="配管工">#REF!</definedName>
    <definedName name="配線器具" localSheetId="6">#REF!</definedName>
    <definedName name="配線器具">#REF!</definedName>
    <definedName name="配線材料" hidden="1">{"設定1",#N/A,FALSE,"第5号-1";"設定2",#N/A,FALSE,"第5号-1"}</definedName>
    <definedName name="剥離剤" localSheetId="6">#REF!</definedName>
    <definedName name="剥離剤">#REF!</definedName>
    <definedName name="泊まり人件費" localSheetId="6">#REF!</definedName>
    <definedName name="泊まり人件費">#REF!</definedName>
    <definedName name="八戸北2_PAC" localSheetId="6">#REF!</definedName>
    <definedName name="八戸北2_PAC">#REF!</definedName>
    <definedName name="搬送現場率表" localSheetId="6">#REF!</definedName>
    <definedName name="搬送現場率表">#REF!</definedName>
    <definedName name="板金工" localSheetId="6">#REF!</definedName>
    <definedName name="板金工">#REF!</definedName>
    <definedName name="番号" localSheetId="6">#REF!</definedName>
    <definedName name="番号">#REF!</definedName>
    <definedName name="盤基礎" localSheetId="6">#REF!</definedName>
    <definedName name="盤基礎">#REF!</definedName>
    <definedName name="盤名称11" localSheetId="6">#REF!</definedName>
    <definedName name="盤名称11">#REF!</definedName>
    <definedName name="盤名称12" localSheetId="6">#REF!</definedName>
    <definedName name="盤名称12">#REF!</definedName>
    <definedName name="比較" localSheetId="6">#REF!</definedName>
    <definedName name="比較">#REF!</definedName>
    <definedName name="費">'[94]代価表 '!$Z$6</definedName>
    <definedName name="表紙" localSheetId="6">[95]!印刷</definedName>
    <definedName name="表紙" localSheetId="5">[95]!印刷</definedName>
    <definedName name="表紙">[95]!印刷</definedName>
    <definedName name="表流水" localSheetId="6">#REF!</definedName>
    <definedName name="表流水">#REF!</definedName>
    <definedName name="不活性ガス">[3]歩・屋!$W$13</definedName>
    <definedName name="付属品率" localSheetId="6">#REF!</definedName>
    <definedName name="付属品率">#REF!</definedName>
    <definedName name="付帯">[6]付帯!$C$4</definedName>
    <definedName name="普作1" localSheetId="6">[24]ｹｰﾌﾞﾙ計!#REF!</definedName>
    <definedName name="普作1">[24]ｹｰﾌﾞﾙ計!#REF!</definedName>
    <definedName name="普通ｾﾒﾝﾄ" localSheetId="6">#REF!</definedName>
    <definedName name="普通ｾﾒﾝﾄ">#REF!</definedName>
    <definedName name="普通ｾﾒﾝﾄ_1000" localSheetId="6">#REF!</definedName>
    <definedName name="普通ｾﾒﾝﾄ_1000">#REF!</definedName>
    <definedName name="普通ｾﾒﾝﾄ50未満" localSheetId="6">#REF!</definedName>
    <definedName name="普通ｾﾒﾝﾄ50未満">#REF!</definedName>
    <definedName name="普通作業員" localSheetId="6">#REF!</definedName>
    <definedName name="普通作業員">#REF!</definedName>
    <definedName name="普通船員" localSheetId="6">#REF!</definedName>
    <definedName name="普通船員">#REF!</definedName>
    <definedName name="部分印刷" localSheetId="6">[60]表紙!#REF!</definedName>
    <definedName name="部分印刷">[60]表紙!#REF!</definedName>
    <definedName name="副単" localSheetId="6">#REF!</definedName>
    <definedName name="副単">#REF!</definedName>
    <definedName name="幅1" localSheetId="6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 localSheetId="6">#REF!</definedName>
    <definedName name="複合工集計表">#REF!</definedName>
    <definedName name="複合工費" localSheetId="6">#REF!</definedName>
    <definedName name="複合工費">#REF!</definedName>
    <definedName name="複合単価_001" localSheetId="6">#REF!</definedName>
    <definedName name="複合単価_001">#REF!</definedName>
    <definedName name="複合単価_002" localSheetId="6">#REF!</definedName>
    <definedName name="複合単価_002">#REF!</definedName>
    <definedName name="複合単価_003" localSheetId="6">#REF!</definedName>
    <definedName name="複合単価_003">#REF!</definedName>
    <definedName name="複合単価_004" localSheetId="6">#REF!</definedName>
    <definedName name="複合単価_004">#REF!</definedName>
    <definedName name="複合単価_005" localSheetId="6">#REF!</definedName>
    <definedName name="複合単価_005">#REF!</definedName>
    <definedName name="複合単価_006" localSheetId="6">#REF!</definedName>
    <definedName name="複合単価_006">#REF!</definedName>
    <definedName name="複合単価_007" localSheetId="6">#REF!</definedName>
    <definedName name="複合単価_007">#REF!</definedName>
    <definedName name="複合単価_008" localSheetId="6">#REF!</definedName>
    <definedName name="複合単価_008">#REF!</definedName>
    <definedName name="複合単価_009" localSheetId="6">#REF!</definedName>
    <definedName name="複合単価_009">#REF!</definedName>
    <definedName name="複合単価_010" localSheetId="6">#REF!</definedName>
    <definedName name="複合単価_010">#REF!</definedName>
    <definedName name="複合単価_011" localSheetId="6">#REF!</definedName>
    <definedName name="複合単価_011">#REF!</definedName>
    <definedName name="複合単価_012" localSheetId="6">#REF!</definedName>
    <definedName name="複合単価_012">#REF!</definedName>
    <definedName name="複合単価_013" localSheetId="6">#REF!</definedName>
    <definedName name="複合単価_013">#REF!</definedName>
    <definedName name="複合単価_014" localSheetId="6">#REF!</definedName>
    <definedName name="複合単価_014">#REF!</definedName>
    <definedName name="複合単価_015" localSheetId="6">#REF!</definedName>
    <definedName name="複合単価_015">#REF!</definedName>
    <definedName name="複合単価_016" localSheetId="6">#REF!</definedName>
    <definedName name="複合単価_016">#REF!</definedName>
    <definedName name="複合単価_017" localSheetId="6">#REF!</definedName>
    <definedName name="複合単価_017">#REF!</definedName>
    <definedName name="複合単価_018" localSheetId="6">#REF!</definedName>
    <definedName name="複合単価_018">#REF!</definedName>
    <definedName name="複合単価_019" localSheetId="6">#REF!</definedName>
    <definedName name="複合単価_019">#REF!</definedName>
    <definedName name="複合単価_020" localSheetId="6">#REF!</definedName>
    <definedName name="複合単価_020">#REF!</definedName>
    <definedName name="複合単価_021" localSheetId="6">#REF!</definedName>
    <definedName name="複合単価_021">#REF!</definedName>
    <definedName name="複合単価_022" localSheetId="6">#REF!</definedName>
    <definedName name="複合単価_022">#REF!</definedName>
    <definedName name="複合単価_023" localSheetId="6">#REF!</definedName>
    <definedName name="複合単価_023">#REF!</definedName>
    <definedName name="複合単価_024" localSheetId="6">#REF!</definedName>
    <definedName name="複合単価_024">#REF!</definedName>
    <definedName name="複合単価_025" localSheetId="6">#REF!</definedName>
    <definedName name="複合単価_025">#REF!</definedName>
    <definedName name="複合単価_026" localSheetId="6">#REF!</definedName>
    <definedName name="複合単価_026">#REF!</definedName>
    <definedName name="複合単価_027" localSheetId="6">#REF!</definedName>
    <definedName name="複合単価_027">#REF!</definedName>
    <definedName name="複合単価_028" localSheetId="6">#REF!</definedName>
    <definedName name="複合単価_028">#REF!</definedName>
    <definedName name="複合単価_029" localSheetId="6">#REF!</definedName>
    <definedName name="複合単価_029">#REF!</definedName>
    <definedName name="複合単価_030" localSheetId="6">#REF!</definedName>
    <definedName name="複合単価_030">#REF!</definedName>
    <definedName name="複合単価_031" localSheetId="6">#REF!</definedName>
    <definedName name="複合単価_031">#REF!</definedName>
    <definedName name="複合単価_032" localSheetId="6">#REF!</definedName>
    <definedName name="複合単価_032">#REF!</definedName>
    <definedName name="複合単価_033" localSheetId="6">#REF!</definedName>
    <definedName name="複合単価_033">#REF!</definedName>
    <definedName name="複合単価_034" localSheetId="6">#REF!</definedName>
    <definedName name="複合単価_034">#REF!</definedName>
    <definedName name="複合単価_035" localSheetId="6">#REF!</definedName>
    <definedName name="複合単価_035">#REF!</definedName>
    <definedName name="複合単価_036" localSheetId="6">#REF!</definedName>
    <definedName name="複合単価_036">#REF!</definedName>
    <definedName name="複合単価_037" localSheetId="6">#REF!</definedName>
    <definedName name="複合単価_037">#REF!</definedName>
    <definedName name="複合単価_038" localSheetId="6">#REF!</definedName>
    <definedName name="複合単価_038">#REF!</definedName>
    <definedName name="複合単価_039" localSheetId="6">#REF!</definedName>
    <definedName name="複合単価_039">#REF!</definedName>
    <definedName name="複合単価_040" localSheetId="6">#REF!</definedName>
    <definedName name="複合単価_040">#REF!</definedName>
    <definedName name="複合単価_041" localSheetId="6">#REF!</definedName>
    <definedName name="複合単価_041">#REF!</definedName>
    <definedName name="複合単価_042" localSheetId="6">#REF!</definedName>
    <definedName name="複合単価_042">#REF!</definedName>
    <definedName name="複合単価_043" localSheetId="6">#REF!</definedName>
    <definedName name="複合単価_043">#REF!</definedName>
    <definedName name="複合単価_044" localSheetId="6">#REF!</definedName>
    <definedName name="複合単価_044">#REF!</definedName>
    <definedName name="複合単価_045" localSheetId="6">#REF!</definedName>
    <definedName name="複合単価_045">#REF!</definedName>
    <definedName name="複合単価_046" localSheetId="6">#REF!</definedName>
    <definedName name="複合単価_046">#REF!</definedName>
    <definedName name="複合単価_047" localSheetId="6">#REF!</definedName>
    <definedName name="複合単価_047">#REF!</definedName>
    <definedName name="複合単価_048" localSheetId="6">#REF!</definedName>
    <definedName name="複合単価_048">#REF!</definedName>
    <definedName name="複合単価_049" localSheetId="6">#REF!</definedName>
    <definedName name="複合単価_049">#REF!</definedName>
    <definedName name="複合単価_050" localSheetId="6">#REF!</definedName>
    <definedName name="複合単価_050">#REF!</definedName>
    <definedName name="複合単価_051" localSheetId="6">#REF!</definedName>
    <definedName name="複合単価_051">#REF!</definedName>
    <definedName name="複合単価_052" localSheetId="6">#REF!</definedName>
    <definedName name="複合単価_052">#REF!</definedName>
    <definedName name="複合単価表" localSheetId="6">#REF!</definedName>
    <definedName name="複合単価表">#REF!</definedName>
    <definedName name="複写" localSheetId="6">#REF!</definedName>
    <definedName name="複写">#REF!</definedName>
    <definedName name="複写範囲" localSheetId="6">#REF!</definedName>
    <definedName name="複写範囲">#REF!</definedName>
    <definedName name="物価資料価格表">'[96]物価資料価格表(変更後)'!$A$1:$L$65536</definedName>
    <definedName name="分類">[97]機器等据付重量表!$C$7:$C$56,[97]機器等据付重量表!$C$63,[97]機器等据付重量表!$C$63:$C$112,[97]機器等据付重量表!$C$119,[97]機器等据付重量表!$C$119:$C$168,[97]機器等据付重量表!$C$175:$C$224,[97]機器等据付重量表!$C$231,[97]機器等据付重量表!$C$231:$C$280,[97]機器等据付重量表!$C$287,[97]機器等据付重量表!$C$287:$C$336,[97]機器等据付重量表!$C$343,[97]機器等据付重量表!$C$343:$C$392</definedName>
    <definedName name="粉炭費" localSheetId="6">#REF!</definedName>
    <definedName name="粉炭費">#REF!</definedName>
    <definedName name="兵庫県都まちづくり部設備課" localSheetId="6">[98]小項目!#REF!</definedName>
    <definedName name="兵庫県都まちづくり部設備課">[98]小項目!#REF!</definedName>
    <definedName name="頁枚数" localSheetId="6">[23]表紙!#REF!</definedName>
    <definedName name="頁枚数">[23]表紙!#REF!</definedName>
    <definedName name="別途">[6]付帯!$F$3</definedName>
    <definedName name="変更用紙" localSheetId="6">[77]!印刷</definedName>
    <definedName name="変更用紙" localSheetId="5">[77]!印刷</definedName>
    <definedName name="変更用紙">[77]!印刷</definedName>
    <definedName name="弁類" localSheetId="6">#REF!</definedName>
    <definedName name="弁類">#REF!</definedName>
    <definedName name="保温工" localSheetId="6">#REF!</definedName>
    <definedName name="保温工">#REF!</definedName>
    <definedName name="保証方法" localSheetId="6">#REF!</definedName>
    <definedName name="保証方法">#REF!</definedName>
    <definedName name="保存">#N/A</definedName>
    <definedName name="舗装データ" localSheetId="6">#REF!</definedName>
    <definedName name="舗装データ">#REF!</definedName>
    <definedName name="舗装復旧工" localSheetId="6">#REF!</definedName>
    <definedName name="舗装復旧工">#REF!</definedName>
    <definedName name="歩掛け" localSheetId="6">#REF!</definedName>
    <definedName name="歩掛け">#REF!</definedName>
    <definedName name="歩掛表" localSheetId="6">#REF!</definedName>
    <definedName name="歩掛表">#REF!</definedName>
    <definedName name="補給率" localSheetId="6">#REF!</definedName>
    <definedName name="補給率">#REF!</definedName>
    <definedName name="補正" localSheetId="6">#REF!</definedName>
    <definedName name="補正">#REF!</definedName>
    <definedName name="法面工" localSheetId="6">#REF!</definedName>
    <definedName name="法面工">#REF!</definedName>
    <definedName name="防水工" localSheetId="6">#REF!</definedName>
    <definedName name="防水工">#REF!</definedName>
    <definedName name="膜ポンプKW" localSheetId="6">#REF!</definedName>
    <definedName name="膜ポンプKW">#REF!</definedName>
    <definedName name="膜ろ過原水量">[57]条件!$C$15</definedName>
    <definedName name="膜ろ過棟" hidden="1">{"設定1",#N/A,FALSE,"第5号-1";"設定2",#N/A,FALSE,"第5号-1"}</definedName>
    <definedName name="膜交換費" localSheetId="6">#REF!</definedName>
    <definedName name="膜交換費">#REF!</definedName>
    <definedName name="密粒AS" localSheetId="6">#REF!</definedName>
    <definedName name="密粒AS">#REF!</definedName>
    <definedName name="名称" localSheetId="6">#REF!</definedName>
    <definedName name="名称">#REF!</definedName>
    <definedName name="面積" localSheetId="6">#REF!</definedName>
    <definedName name="面積">#REF!</definedName>
    <definedName name="問い合せ" localSheetId="6">#REF!</definedName>
    <definedName name="問い合せ">#REF!</definedName>
    <definedName name="役務" localSheetId="6">#REF!</definedName>
    <definedName name="役務">#REF!</definedName>
    <definedName name="薬注回数">[57]条件!$E$23</definedName>
    <definedName name="薬注時間">[57]条件!$C$24</definedName>
    <definedName name="薬注頻度">[57]条件!$C$23</definedName>
    <definedName name="薬品洗浄費" localSheetId="6">#REF!</definedName>
    <definedName name="薬品洗浄費">#REF!</definedName>
    <definedName name="輸送１" localSheetId="6">#REF!</definedName>
    <definedName name="輸送１">#REF!</definedName>
    <definedName name="輸送費" localSheetId="6">#REF!</definedName>
    <definedName name="輸送費">#REF!</definedName>
    <definedName name="予定価格積算書" localSheetId="6">#REF!</definedName>
    <definedName name="予定価格積算書">#REF!</definedName>
    <definedName name="幼児便器" localSheetId="6">#REF!</definedName>
    <definedName name="幼児便器">#REF!</definedName>
    <definedName name="擁壁小">[73]工事費内訳表!$H$43</definedName>
    <definedName name="擁壁大">[73]工事費内訳表!$H$69</definedName>
    <definedName name="洋風便器" localSheetId="6">#REF!</definedName>
    <definedName name="洋風便器">#REF!</definedName>
    <definedName name="溶接工" localSheetId="6">#REF!</definedName>
    <definedName name="溶接工">#REF!</definedName>
    <definedName name="溶接棒" localSheetId="6">#REF!</definedName>
    <definedName name="溶接棒">#REF!</definedName>
    <definedName name="理事_技師長" localSheetId="6">#REF!</definedName>
    <definedName name="理事_技師長">#REF!</definedName>
    <definedName name="率元" localSheetId="6">#REF!</definedName>
    <definedName name="率元">#REF!</definedName>
    <definedName name="立案冠記号" localSheetId="6">[99]Code!#REF!</definedName>
    <definedName name="立案冠記号">[99]Code!#REF!</definedName>
    <definedName name="粒調砕石Mｰ30" localSheetId="6">#REF!</definedName>
    <definedName name="粒調砕石Mｰ30">#REF!</definedName>
    <definedName name="鈴鹿市" localSheetId="6">#REF!</definedName>
    <definedName name="鈴鹿市">#REF!</definedName>
    <definedName name="鈴木" localSheetId="6" hidden="1">{"設定1",#N/A,FALSE,"第5号-1";"設定2",#N/A,FALSE,"第5号-1"}</definedName>
    <definedName name="鈴木" localSheetId="4" hidden="1">{"設定1",#N/A,FALSE,"第5号-1";"設定2",#N/A,FALSE,"第5号-1"}</definedName>
    <definedName name="鈴木" localSheetId="3" hidden="1">{"設定1",#N/A,FALSE,"第5号-1";"設定2",#N/A,FALSE,"第5号-1"}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7]条件!$C$9</definedName>
    <definedName name="列幅変更" localSheetId="6">#REF!</definedName>
    <definedName name="列幅変更">#REF!</definedName>
    <definedName name="路床砕石" localSheetId="6">#REF!</definedName>
    <definedName name="路床砕石">#REF!</definedName>
    <definedName name="労務" localSheetId="6">#REF!</definedName>
    <definedName name="労務">#REF!</definedName>
    <definedName name="労務原価" localSheetId="6">#REF!</definedName>
    <definedName name="労務原価">#REF!</definedName>
    <definedName name="労務単価" localSheetId="6">#REF!</definedName>
    <definedName name="労務単価">#REF!</definedName>
    <definedName name="労務費" localSheetId="6">#REF!</definedName>
    <definedName name="労務費">#REF!</definedName>
    <definedName name="労務費１" localSheetId="6">[81]経費計算!#REF!</definedName>
    <definedName name="労務費１">[81]経費計算!#REF!</definedName>
    <definedName name="労務費2" localSheetId="6">[88]!湯ノ谷印刷</definedName>
    <definedName name="労務費2" localSheetId="5">[88]!湯ノ谷印刷</definedName>
    <definedName name="労務費2">[88]!湯ノ谷印刷</definedName>
    <definedName name="労務表">[100]労務単価コード!$B$2:$E$64</definedName>
    <definedName name="濾過池配線材料" hidden="1">{"設定1",#N/A,FALSE,"第5号-1";"設定2",#N/A,FALSE,"第5号-1"}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79" uniqueCount="119">
  <si>
    <t>費    目</t>
  </si>
  <si>
    <t>工    種</t>
  </si>
  <si>
    <t>種      別</t>
  </si>
  <si>
    <t>細    別</t>
  </si>
  <si>
    <t>単  位</t>
  </si>
  <si>
    <t>数    量</t>
  </si>
  <si>
    <t>摘        要</t>
  </si>
  <si>
    <t>計</t>
    <rPh sb="0" eb="1">
      <t>ケイ</t>
    </rPh>
    <phoneticPr fontId="9"/>
  </si>
  <si>
    <t>四日市市上下水道局</t>
    <rPh sb="0" eb="4">
      <t>ヨッカイチシ</t>
    </rPh>
    <rPh sb="4" eb="6">
      <t>ジョウゲ</t>
    </rPh>
    <rPh sb="6" eb="9">
      <t>スイドウキョク</t>
    </rPh>
    <phoneticPr fontId="14"/>
  </si>
  <si>
    <t>四　日　市　市　上　下　水　道　局</t>
    <rPh sb="0" eb="1">
      <t>ヨン</t>
    </rPh>
    <rPh sb="2" eb="3">
      <t>ヒ</t>
    </rPh>
    <rPh sb="4" eb="5">
      <t>シ</t>
    </rPh>
    <rPh sb="6" eb="7">
      <t>シ</t>
    </rPh>
    <rPh sb="8" eb="9">
      <t>ウエ</t>
    </rPh>
    <rPh sb="10" eb="11">
      <t>シタ</t>
    </rPh>
    <rPh sb="12" eb="13">
      <t>スイ</t>
    </rPh>
    <rPh sb="14" eb="15">
      <t>ドウ</t>
    </rPh>
    <rPh sb="16" eb="17">
      <t>キョク</t>
    </rPh>
    <phoneticPr fontId="14"/>
  </si>
  <si>
    <t>式</t>
    <rPh sb="0" eb="1">
      <t>シキ</t>
    </rPh>
    <phoneticPr fontId="14"/>
  </si>
  <si>
    <t>委託場所</t>
    <rPh sb="0" eb="2">
      <t>イタク</t>
    </rPh>
    <rPh sb="2" eb="4">
      <t>バショ</t>
    </rPh>
    <phoneticPr fontId="14"/>
  </si>
  <si>
    <t>直接人件費</t>
    <rPh sb="0" eb="2">
      <t>チョクセツ</t>
    </rPh>
    <rPh sb="2" eb="5">
      <t>ジンケンヒ</t>
    </rPh>
    <phoneticPr fontId="14"/>
  </si>
  <si>
    <t>業務価格</t>
    <rPh sb="0" eb="2">
      <t>ギョウム</t>
    </rPh>
    <rPh sb="2" eb="4">
      <t>カカク</t>
    </rPh>
    <phoneticPr fontId="14"/>
  </si>
  <si>
    <t>合計</t>
    <rPh sb="0" eb="2">
      <t>ゴウケイ</t>
    </rPh>
    <phoneticPr fontId="9"/>
  </si>
  <si>
    <t>業務の種類</t>
    <rPh sb="0" eb="2">
      <t>ギョウム</t>
    </rPh>
    <rPh sb="3" eb="5">
      <t>シュルイ</t>
    </rPh>
    <phoneticPr fontId="9"/>
  </si>
  <si>
    <t>主任技術者</t>
    <rPh sb="0" eb="2">
      <t>シュニン</t>
    </rPh>
    <rPh sb="2" eb="5">
      <t>ギジュツシャ</t>
    </rPh>
    <phoneticPr fontId="9"/>
  </si>
  <si>
    <t>技師長</t>
    <rPh sb="0" eb="3">
      <t>ギシチョウ</t>
    </rPh>
    <phoneticPr fontId="9"/>
  </si>
  <si>
    <t>主任技師</t>
    <rPh sb="0" eb="2">
      <t>シュニン</t>
    </rPh>
    <rPh sb="2" eb="4">
      <t>ギシ</t>
    </rPh>
    <phoneticPr fontId="9"/>
  </si>
  <si>
    <t>技師A</t>
    <rPh sb="0" eb="2">
      <t>ギシ</t>
    </rPh>
    <phoneticPr fontId="9"/>
  </si>
  <si>
    <t>技師B</t>
    <rPh sb="0" eb="2">
      <t>ギシ</t>
    </rPh>
    <phoneticPr fontId="9"/>
  </si>
  <si>
    <t>技師C</t>
    <rPh sb="0" eb="2">
      <t>ギシ</t>
    </rPh>
    <phoneticPr fontId="9"/>
  </si>
  <si>
    <t>技術員</t>
    <rPh sb="0" eb="2">
      <t>ギジュツ</t>
    </rPh>
    <rPh sb="2" eb="3">
      <t>イン</t>
    </rPh>
    <phoneticPr fontId="9"/>
  </si>
  <si>
    <t>第1回打ち合わせ</t>
    <rPh sb="0" eb="1">
      <t>ダイ</t>
    </rPh>
    <rPh sb="2" eb="3">
      <t>カイ</t>
    </rPh>
    <rPh sb="3" eb="4">
      <t>ウ</t>
    </rPh>
    <rPh sb="5" eb="6">
      <t>ア</t>
    </rPh>
    <phoneticPr fontId="9"/>
  </si>
  <si>
    <t>中間打ち合わせ(1回)</t>
    <rPh sb="0" eb="2">
      <t>チュウカン</t>
    </rPh>
    <rPh sb="2" eb="3">
      <t>ウ</t>
    </rPh>
    <rPh sb="4" eb="5">
      <t>ア</t>
    </rPh>
    <rPh sb="9" eb="10">
      <t>カイ</t>
    </rPh>
    <phoneticPr fontId="9"/>
  </si>
  <si>
    <t>最終打ち合わせ</t>
    <rPh sb="0" eb="2">
      <t>サイシュウ</t>
    </rPh>
    <rPh sb="2" eb="3">
      <t>ウ</t>
    </rPh>
    <rPh sb="4" eb="5">
      <t>ア</t>
    </rPh>
    <phoneticPr fontId="9"/>
  </si>
  <si>
    <t>標準日額単価</t>
    <rPh sb="0" eb="2">
      <t>ヒョウジュン</t>
    </rPh>
    <rPh sb="2" eb="3">
      <t>ニチ</t>
    </rPh>
    <rPh sb="3" eb="4">
      <t>ガク</t>
    </rPh>
    <rPh sb="4" eb="6">
      <t>タンカ</t>
    </rPh>
    <phoneticPr fontId="9"/>
  </si>
  <si>
    <t>合計金額</t>
    <rPh sb="0" eb="2">
      <t>ゴウケイ</t>
    </rPh>
    <rPh sb="2" eb="4">
      <t>キンガク</t>
    </rPh>
    <phoneticPr fontId="9"/>
  </si>
  <si>
    <t>設計協議明細書</t>
    <rPh sb="0" eb="2">
      <t>セッケイ</t>
    </rPh>
    <rPh sb="2" eb="4">
      <t>キョウギ</t>
    </rPh>
    <rPh sb="4" eb="7">
      <t>メイサイショ</t>
    </rPh>
    <phoneticPr fontId="9"/>
  </si>
  <si>
    <t>1号内訳書</t>
    <rPh sb="1" eb="2">
      <t>ゴウ</t>
    </rPh>
    <rPh sb="2" eb="5">
      <t>ウチワケショ</t>
    </rPh>
    <phoneticPr fontId="14"/>
  </si>
  <si>
    <t>設計協議</t>
    <rPh sb="0" eb="2">
      <t>セッケイ</t>
    </rPh>
    <rPh sb="2" eb="4">
      <t>キョウギ</t>
    </rPh>
    <phoneticPr fontId="14"/>
  </si>
  <si>
    <t>現地調査</t>
    <rPh sb="0" eb="2">
      <t>ゲンチ</t>
    </rPh>
    <rPh sb="2" eb="4">
      <t>チョウサ</t>
    </rPh>
    <phoneticPr fontId="14"/>
  </si>
  <si>
    <t>計</t>
    <rPh sb="0" eb="1">
      <t>ケイ</t>
    </rPh>
    <phoneticPr fontId="14"/>
  </si>
  <si>
    <t>直接経費</t>
    <rPh sb="0" eb="2">
      <t>チョクセツ</t>
    </rPh>
    <rPh sb="2" eb="4">
      <t>ケイヒ</t>
    </rPh>
    <phoneticPr fontId="14"/>
  </si>
  <si>
    <t>旅費交通費</t>
    <rPh sb="0" eb="2">
      <t>リョヒ</t>
    </rPh>
    <rPh sb="2" eb="5">
      <t>コウツウヒ</t>
    </rPh>
    <phoneticPr fontId="14"/>
  </si>
  <si>
    <t>その他原価</t>
    <rPh sb="2" eb="3">
      <t>タ</t>
    </rPh>
    <rPh sb="3" eb="5">
      <t>ゲンカ</t>
    </rPh>
    <phoneticPr fontId="14"/>
  </si>
  <si>
    <t>直接原価</t>
    <rPh sb="0" eb="2">
      <t>チョクセツ</t>
    </rPh>
    <rPh sb="2" eb="4">
      <t>ゲンカ</t>
    </rPh>
    <phoneticPr fontId="14"/>
  </si>
  <si>
    <t>作業比率</t>
    <rPh sb="0" eb="2">
      <t>サギョウ</t>
    </rPh>
    <rPh sb="2" eb="4">
      <t>ヒリツ</t>
    </rPh>
    <phoneticPr fontId="10"/>
  </si>
  <si>
    <t>合計</t>
    <rPh sb="0" eb="2">
      <t>ゴウケイ</t>
    </rPh>
    <phoneticPr fontId="10"/>
  </si>
  <si>
    <t>設計対象水量に係る補正</t>
    <rPh sb="0" eb="2">
      <t>セッケイ</t>
    </rPh>
    <rPh sb="2" eb="4">
      <t>タイショウ</t>
    </rPh>
    <rPh sb="4" eb="5">
      <t>スイ</t>
    </rPh>
    <rPh sb="5" eb="6">
      <t>リョウ</t>
    </rPh>
    <rPh sb="7" eb="8">
      <t>カカ</t>
    </rPh>
    <rPh sb="9" eb="11">
      <t>ホセイ</t>
    </rPh>
    <phoneticPr fontId="10"/>
  </si>
  <si>
    <t>式</t>
    <rPh sb="0" eb="1">
      <t>シキ</t>
    </rPh>
    <phoneticPr fontId="10"/>
  </si>
  <si>
    <t>現地調査明細書</t>
    <rPh sb="0" eb="2">
      <t>ゲンチ</t>
    </rPh>
    <rPh sb="2" eb="4">
      <t>チョウサ</t>
    </rPh>
    <rPh sb="4" eb="6">
      <t>メイサイ</t>
    </rPh>
    <rPh sb="6" eb="7">
      <t>ショ</t>
    </rPh>
    <phoneticPr fontId="9"/>
  </si>
  <si>
    <t>委　託　設　計　書</t>
    <phoneticPr fontId="95"/>
  </si>
  <si>
    <t>第　　号</t>
    <rPh sb="0" eb="1">
      <t>ダイ</t>
    </rPh>
    <rPh sb="3" eb="4">
      <t>ゴウ</t>
    </rPh>
    <phoneticPr fontId="95"/>
  </si>
  <si>
    <t>施 工 地 名</t>
    <rPh sb="0" eb="1">
      <t>シ</t>
    </rPh>
    <rPh sb="2" eb="3">
      <t>コウ</t>
    </rPh>
    <rPh sb="4" eb="5">
      <t>チ</t>
    </rPh>
    <rPh sb="6" eb="7">
      <t>ナ</t>
    </rPh>
    <phoneticPr fontId="14"/>
  </si>
  <si>
    <t>審査</t>
    <rPh sb="0" eb="2">
      <t>シンサ</t>
    </rPh>
    <phoneticPr fontId="95"/>
  </si>
  <si>
    <t>令和　　　年　　　月　　　日</t>
    <rPh sb="0" eb="1">
      <t>レイ</t>
    </rPh>
    <rPh sb="1" eb="2">
      <t>ワ</t>
    </rPh>
    <rPh sb="5" eb="6">
      <t>ネン</t>
    </rPh>
    <rPh sb="9" eb="10">
      <t>ガツ</t>
    </rPh>
    <rPh sb="13" eb="14">
      <t>ニチ</t>
    </rPh>
    <phoneticPr fontId="95"/>
  </si>
  <si>
    <t>課長</t>
    <rPh sb="0" eb="2">
      <t>カチョウ</t>
    </rPh>
    <phoneticPr fontId="95"/>
  </si>
  <si>
    <t>課長
補佐</t>
    <rPh sb="0" eb="2">
      <t>カチョウ</t>
    </rPh>
    <rPh sb="3" eb="5">
      <t>ホサ</t>
    </rPh>
    <phoneticPr fontId="95"/>
  </si>
  <si>
    <t>係長</t>
    <rPh sb="0" eb="1">
      <t>カカリ</t>
    </rPh>
    <rPh sb="1" eb="2">
      <t>チョウ</t>
    </rPh>
    <phoneticPr fontId="95"/>
  </si>
  <si>
    <t>工  事  名</t>
    <rPh sb="0" eb="1">
      <t>コウ</t>
    </rPh>
    <rPh sb="3" eb="4">
      <t>ジ</t>
    </rPh>
    <rPh sb="6" eb="7">
      <t>ナ</t>
    </rPh>
    <phoneticPr fontId="14"/>
  </si>
  <si>
    <t>係</t>
    <rPh sb="0" eb="1">
      <t>カカリ</t>
    </rPh>
    <phoneticPr fontId="95"/>
  </si>
  <si>
    <t>工      費</t>
    <rPh sb="0" eb="1">
      <t>コウ</t>
    </rPh>
    <rPh sb="7" eb="8">
      <t>ヒ</t>
    </rPh>
    <phoneticPr fontId="14"/>
  </si>
  <si>
    <t>一金</t>
    <rPh sb="0" eb="1">
      <t>イチ</t>
    </rPh>
    <rPh sb="1" eb="2">
      <t>キン</t>
    </rPh>
    <phoneticPr fontId="95"/>
  </si>
  <si>
    <t>円也</t>
    <rPh sb="0" eb="1">
      <t>エン</t>
    </rPh>
    <rPh sb="1" eb="2">
      <t>ナリ</t>
    </rPh>
    <phoneticPr fontId="95"/>
  </si>
  <si>
    <t>設計</t>
    <rPh sb="0" eb="2">
      <t>セッケイ</t>
    </rPh>
    <phoneticPr fontId="95"/>
  </si>
  <si>
    <t>工      期</t>
    <rPh sb="0" eb="1">
      <t>コウ</t>
    </rPh>
    <rPh sb="7" eb="8">
      <t>キ</t>
    </rPh>
    <phoneticPr fontId="14"/>
  </si>
  <si>
    <t>検算</t>
    <rPh sb="0" eb="2">
      <t>ケンザン</t>
    </rPh>
    <phoneticPr fontId="95"/>
  </si>
  <si>
    <t>契約の日から</t>
    <rPh sb="0" eb="2">
      <t>ケイヤク</t>
    </rPh>
    <rPh sb="3" eb="4">
      <t>ヒ</t>
    </rPh>
    <phoneticPr fontId="95"/>
  </si>
  <si>
    <t>限り</t>
    <rPh sb="0" eb="1">
      <t>カギ</t>
    </rPh>
    <phoneticPr fontId="95"/>
  </si>
  <si>
    <t>　</t>
    <phoneticPr fontId="14"/>
  </si>
  <si>
    <t>委　　　託　　　の　　　概　　　要</t>
    <phoneticPr fontId="95"/>
  </si>
  <si>
    <t>起　　　工　　　理　　　由</t>
    <rPh sb="0" eb="1">
      <t>オ</t>
    </rPh>
    <rPh sb="4" eb="5">
      <t>コウ</t>
    </rPh>
    <rPh sb="8" eb="9">
      <t>リ</t>
    </rPh>
    <rPh sb="12" eb="13">
      <t>ヨシ</t>
    </rPh>
    <phoneticPr fontId="95"/>
  </si>
  <si>
    <t>現地調査</t>
    <rPh sb="0" eb="2">
      <t>ゲンチ</t>
    </rPh>
    <rPh sb="2" eb="4">
      <t>チョウサ</t>
    </rPh>
    <phoneticPr fontId="9"/>
  </si>
  <si>
    <t>電子成果品作成費</t>
    <rPh sb="0" eb="8">
      <t>デンシセイカヒンサクセイヒ</t>
    </rPh>
    <phoneticPr fontId="14"/>
  </si>
  <si>
    <t>全体金額</t>
    <rPh sb="0" eb="2">
      <t>ゼンタイ</t>
    </rPh>
    <phoneticPr fontId="10"/>
  </si>
  <si>
    <t>委託名</t>
    <rPh sb="0" eb="2">
      <t>イタク</t>
    </rPh>
    <rPh sb="2" eb="3">
      <t>ナ</t>
    </rPh>
    <phoneticPr fontId="14"/>
  </si>
  <si>
    <t>工事費内訳書</t>
    <rPh sb="0" eb="2">
      <t>コウジ</t>
    </rPh>
    <rPh sb="2" eb="3">
      <t>ヒ</t>
    </rPh>
    <rPh sb="3" eb="6">
      <t>ウチワケショ</t>
    </rPh>
    <phoneticPr fontId="14"/>
  </si>
  <si>
    <t>費目</t>
    <rPh sb="0" eb="2">
      <t>ヒモク</t>
    </rPh>
    <phoneticPr fontId="14"/>
  </si>
  <si>
    <t>工種</t>
    <rPh sb="0" eb="1">
      <t>コウ</t>
    </rPh>
    <rPh sb="1" eb="2">
      <t>シュ</t>
    </rPh>
    <phoneticPr fontId="14"/>
  </si>
  <si>
    <t>種別</t>
    <rPh sb="0" eb="2">
      <t>シュベツ</t>
    </rPh>
    <phoneticPr fontId="14"/>
  </si>
  <si>
    <t>細別/規格</t>
    <rPh sb="0" eb="2">
      <t>サイベツ</t>
    </rPh>
    <rPh sb="3" eb="5">
      <t>キカク</t>
    </rPh>
    <phoneticPr fontId="14"/>
  </si>
  <si>
    <t>単位</t>
    <rPh sb="0" eb="2">
      <t>タンイ</t>
    </rPh>
    <phoneticPr fontId="14"/>
  </si>
  <si>
    <t>数量</t>
    <rPh sb="0" eb="2">
      <t>スウリョウ</t>
    </rPh>
    <phoneticPr fontId="14"/>
  </si>
  <si>
    <t>摘　　　　　　要</t>
    <phoneticPr fontId="14"/>
  </si>
  <si>
    <t>直接人件費</t>
    <rPh sb="0" eb="2">
      <t>チョクセツ</t>
    </rPh>
    <rPh sb="2" eb="4">
      <t>ジンケン</t>
    </rPh>
    <rPh sb="4" eb="5">
      <t>ヒ</t>
    </rPh>
    <phoneticPr fontId="14"/>
  </si>
  <si>
    <t>業務原価</t>
    <rPh sb="0" eb="2">
      <t>ギョウム</t>
    </rPh>
    <rPh sb="2" eb="4">
      <t>ゲンカ</t>
    </rPh>
    <phoneticPr fontId="10"/>
  </si>
  <si>
    <t>一般管理費等</t>
    <rPh sb="0" eb="2">
      <t>イッパン</t>
    </rPh>
    <rPh sb="2" eb="5">
      <t>カンリヒ</t>
    </rPh>
    <rPh sb="5" eb="6">
      <t>トウ</t>
    </rPh>
    <phoneticPr fontId="14"/>
  </si>
  <si>
    <t>上限額</t>
    <rPh sb="0" eb="3">
      <t>ジョウゲンガク</t>
    </rPh>
    <phoneticPr fontId="10"/>
  </si>
  <si>
    <t>一般管理費等</t>
    <rPh sb="0" eb="2">
      <t>イッパン</t>
    </rPh>
    <rPh sb="2" eb="5">
      <t>カンリヒ</t>
    </rPh>
    <rPh sb="5" eb="6">
      <t>トウ</t>
    </rPh>
    <phoneticPr fontId="10"/>
  </si>
  <si>
    <t>単価</t>
    <rPh sb="0" eb="2">
      <t>タンカ</t>
    </rPh>
    <phoneticPr fontId="10"/>
  </si>
  <si>
    <t>2号内訳書</t>
    <rPh sb="1" eb="2">
      <t>ゴウ</t>
    </rPh>
    <rPh sb="2" eb="5">
      <t>ウチワケショ</t>
    </rPh>
    <phoneticPr fontId="14"/>
  </si>
  <si>
    <t>1号内訳書</t>
    <rPh sb="1" eb="2">
      <t>ゴウ</t>
    </rPh>
    <rPh sb="2" eb="5">
      <t>ウチワケショ</t>
    </rPh>
    <phoneticPr fontId="10"/>
  </si>
  <si>
    <t>2号内訳書</t>
    <rPh sb="1" eb="2">
      <t>ゴウ</t>
    </rPh>
    <rPh sb="2" eb="5">
      <t>ウチワケショ</t>
    </rPh>
    <phoneticPr fontId="10"/>
  </si>
  <si>
    <t>A-１号明細書</t>
    <rPh sb="3" eb="4">
      <t>ゴウ</t>
    </rPh>
    <rPh sb="4" eb="6">
      <t>メイサイ</t>
    </rPh>
    <rPh sb="6" eb="7">
      <t>ショ</t>
    </rPh>
    <phoneticPr fontId="14"/>
  </si>
  <si>
    <t>A-２号明細書</t>
    <rPh sb="3" eb="4">
      <t>ゴウ</t>
    </rPh>
    <rPh sb="4" eb="6">
      <t>メイサイ</t>
    </rPh>
    <rPh sb="6" eb="7">
      <t>ショ</t>
    </rPh>
    <phoneticPr fontId="14"/>
  </si>
  <si>
    <t>A-３号明細書</t>
    <rPh sb="3" eb="4">
      <t>ゴウ</t>
    </rPh>
    <rPh sb="4" eb="6">
      <t>メイサイ</t>
    </rPh>
    <rPh sb="6" eb="7">
      <t>ショ</t>
    </rPh>
    <phoneticPr fontId="14"/>
  </si>
  <si>
    <t>Ａ-２号明細書</t>
    <phoneticPr fontId="9"/>
  </si>
  <si>
    <t>Ａ-１号明細書</t>
    <phoneticPr fontId="9"/>
  </si>
  <si>
    <t>小計</t>
    <rPh sb="0" eb="2">
      <t>ショウケイ</t>
    </rPh>
    <phoneticPr fontId="10"/>
  </si>
  <si>
    <t>配水池設計</t>
    <rPh sb="0" eb="3">
      <t>ハイスイチ</t>
    </rPh>
    <rPh sb="3" eb="5">
      <t>セッケイ</t>
    </rPh>
    <phoneticPr fontId="9"/>
  </si>
  <si>
    <t>10,000㎥</t>
    <phoneticPr fontId="10"/>
  </si>
  <si>
    <t>四日市市下海老町地内</t>
    <rPh sb="4" eb="8">
      <t>シモエビチョウ</t>
    </rPh>
    <rPh sb="8" eb="9">
      <t>コマチ</t>
    </rPh>
    <phoneticPr fontId="14"/>
  </si>
  <si>
    <t>令和7年度　水道事業実務必携　P294
第5表</t>
    <rPh sb="0" eb="2">
      <t>レイワ</t>
    </rPh>
    <rPh sb="3" eb="5">
      <t>ネンド</t>
    </rPh>
    <rPh sb="6" eb="8">
      <t>スイドウ</t>
    </rPh>
    <rPh sb="8" eb="10">
      <t>ジギョウ</t>
    </rPh>
    <rPh sb="10" eb="12">
      <t>ジツム</t>
    </rPh>
    <rPh sb="12" eb="14">
      <t>ヒッケイ</t>
    </rPh>
    <rPh sb="20" eb="21">
      <t>ダイ</t>
    </rPh>
    <rPh sb="22" eb="23">
      <t>ヒョウ</t>
    </rPh>
    <phoneticPr fontId="9"/>
  </si>
  <si>
    <t>令和7年度　水道事業実務必携　P294
第6表</t>
    <rPh sb="20" eb="21">
      <t>ダイ</t>
    </rPh>
    <rPh sb="22" eb="23">
      <t>ヒョウ</t>
    </rPh>
    <phoneticPr fontId="9"/>
  </si>
  <si>
    <t>劣化調査業務</t>
    <rPh sb="0" eb="2">
      <t>レッカ</t>
    </rPh>
    <rPh sb="2" eb="4">
      <t>チョウサ</t>
    </rPh>
    <rPh sb="4" eb="6">
      <t>ギョウム</t>
    </rPh>
    <phoneticPr fontId="10"/>
  </si>
  <si>
    <t>Ａ-３号明細書</t>
    <phoneticPr fontId="10"/>
  </si>
  <si>
    <t>あがた配水池
PC配水池劣化診断</t>
    <rPh sb="3" eb="5">
      <t>ハイスイ</t>
    </rPh>
    <phoneticPr fontId="10"/>
  </si>
  <si>
    <t>土木（劣化診断）</t>
    <rPh sb="0" eb="2">
      <t>ドボク</t>
    </rPh>
    <rPh sb="3" eb="7">
      <t>レッカシンダン</t>
    </rPh>
    <phoneticPr fontId="10"/>
  </si>
  <si>
    <t>劣化調査費</t>
    <rPh sb="0" eb="4">
      <t>レッカチョウサ</t>
    </rPh>
    <rPh sb="4" eb="5">
      <t>ヒ</t>
    </rPh>
    <phoneticPr fontId="10"/>
  </si>
  <si>
    <t>劣化調査費</t>
    <phoneticPr fontId="10"/>
  </si>
  <si>
    <t>コンクリート圧縮強度試験</t>
    <rPh sb="6" eb="8">
      <t>アッシュク</t>
    </rPh>
    <rPh sb="8" eb="10">
      <t>キョウド</t>
    </rPh>
    <rPh sb="10" eb="12">
      <t>シケン</t>
    </rPh>
    <phoneticPr fontId="10"/>
  </si>
  <si>
    <t>はつり、復旧を含む</t>
    <rPh sb="4" eb="6">
      <t>フッキュウ</t>
    </rPh>
    <rPh sb="7" eb="8">
      <t>フク</t>
    </rPh>
    <phoneticPr fontId="10"/>
  </si>
  <si>
    <t>中性化試験</t>
    <rPh sb="0" eb="3">
      <t>チュウセイカ</t>
    </rPh>
    <rPh sb="3" eb="5">
      <t>シケン</t>
    </rPh>
    <phoneticPr fontId="10"/>
  </si>
  <si>
    <t>鉄筋腐食試験</t>
    <rPh sb="0" eb="2">
      <t>テッキン</t>
    </rPh>
    <rPh sb="2" eb="4">
      <t>フショク</t>
    </rPh>
    <rPh sb="4" eb="6">
      <t>シケン</t>
    </rPh>
    <phoneticPr fontId="10"/>
  </si>
  <si>
    <t>塩分分析試験</t>
    <rPh sb="0" eb="6">
      <t>エンブンブンセキシケン</t>
    </rPh>
    <phoneticPr fontId="10"/>
  </si>
  <si>
    <t>外観目視調査</t>
    <rPh sb="0" eb="6">
      <t>ガイカンモクシチョウサ</t>
    </rPh>
    <phoneticPr fontId="10"/>
  </si>
  <si>
    <t>箇所</t>
    <rPh sb="0" eb="2">
      <t>カショ</t>
    </rPh>
    <phoneticPr fontId="14"/>
  </si>
  <si>
    <t>箇所</t>
    <rPh sb="0" eb="2">
      <t>カショ</t>
    </rPh>
    <phoneticPr fontId="10"/>
  </si>
  <si>
    <t>Ａ-４号明細書</t>
    <rPh sb="3" eb="4">
      <t>ゴウ</t>
    </rPh>
    <rPh sb="4" eb="7">
      <t>メイサイショ</t>
    </rPh>
    <phoneticPr fontId="14"/>
  </si>
  <si>
    <t>令和７年度水道事業実務必携に記載の「設計業務等積算基準」にて積算</t>
    <rPh sb="0" eb="2">
      <t>レイワ</t>
    </rPh>
    <rPh sb="3" eb="5">
      <t>ネンド</t>
    </rPh>
    <rPh sb="18" eb="20">
      <t>セッケイ</t>
    </rPh>
    <rPh sb="20" eb="22">
      <t>ギョウム</t>
    </rPh>
    <rPh sb="22" eb="23">
      <t>トウ</t>
    </rPh>
    <rPh sb="23" eb="25">
      <t>セキサン</t>
    </rPh>
    <rPh sb="25" eb="27">
      <t>キジュン</t>
    </rPh>
    <phoneticPr fontId="14"/>
  </si>
  <si>
    <t>（水道事業実務必携　P237　第15表　準用）</t>
    <rPh sb="20" eb="22">
      <t>ジュンヨウ</t>
    </rPh>
    <phoneticPr fontId="10"/>
  </si>
  <si>
    <t>令和8年度</t>
    <rPh sb="0" eb="2">
      <t>レイワ</t>
    </rPh>
    <phoneticPr fontId="94"/>
  </si>
  <si>
    <t>配水池健全度診断業務委託</t>
    <phoneticPr fontId="14"/>
  </si>
  <si>
    <t xml:space="preserve">　あがた配水池2号池の健全度診断業務を委託するものである。
</t>
    <rPh sb="4" eb="7">
      <t>ハイスイチ</t>
    </rPh>
    <rPh sb="8" eb="9">
      <t>ゴウ</t>
    </rPh>
    <rPh sb="9" eb="10">
      <t>イケ</t>
    </rPh>
    <rPh sb="11" eb="13">
      <t>ケンゼン</t>
    </rPh>
    <rPh sb="13" eb="14">
      <t>ド</t>
    </rPh>
    <rPh sb="14" eb="16">
      <t>シンダン</t>
    </rPh>
    <rPh sb="16" eb="18">
      <t>ギョウム</t>
    </rPh>
    <rPh sb="19" eb="21">
      <t>イタク</t>
    </rPh>
    <phoneticPr fontId="14"/>
  </si>
  <si>
    <t>健全度診断業務</t>
    <rPh sb="0" eb="2">
      <t>ケンゼン</t>
    </rPh>
    <rPh sb="2" eb="3">
      <t>ド</t>
    </rPh>
    <rPh sb="3" eb="5">
      <t>シンダン</t>
    </rPh>
    <rPh sb="5" eb="7">
      <t>ギョウム</t>
    </rPh>
    <phoneticPr fontId="10"/>
  </si>
  <si>
    <t>あがた配水池２号池(PC造、有効容量10,000㎥、S50年竣工)</t>
    <rPh sb="3" eb="6">
      <t>ハイスイチ</t>
    </rPh>
    <rPh sb="7" eb="8">
      <t>ゴウ</t>
    </rPh>
    <rPh sb="8" eb="9">
      <t>イケ</t>
    </rPh>
    <rPh sb="12" eb="13">
      <t>ヅクリ</t>
    </rPh>
    <rPh sb="14" eb="16">
      <t>ユウコウ</t>
    </rPh>
    <rPh sb="16" eb="18">
      <t>ヨウリョウ</t>
    </rPh>
    <rPh sb="29" eb="30">
      <t>ネン</t>
    </rPh>
    <rPh sb="30" eb="32">
      <t>シュンコウ</t>
    </rPh>
    <phoneticPr fontId="14"/>
  </si>
  <si>
    <t>配水池健全度診断業務委託</t>
  </si>
  <si>
    <t>四日市市下海老町地内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2">
    <numFmt numFmtId="5" formatCode="&quot;¥&quot;#,##0;&quot;¥&quot;\-#,##0"/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0.00000%"/>
    <numFmt numFmtId="177" formatCode="0.000"/>
    <numFmt numFmtId="178" formatCode="0_ "/>
    <numFmt numFmtId="179" formatCode="#,##0_ "/>
    <numFmt numFmtId="180" formatCode="&quot;[&quot;#,##0&quot;]&quot;"/>
    <numFmt numFmtId="181" formatCode="\(#,##0\)"/>
    <numFmt numFmtId="182" formatCode="#,##0\ &quot;&quot;"/>
    <numFmt numFmtId="183" formatCode="[$-411]ge\.m\.d;@"/>
    <numFmt numFmtId="184" formatCode="#,##0_);[Red]\(#,##0\)"/>
    <numFmt numFmtId="185" formatCode="0.00_ "/>
    <numFmt numFmtId="186" formatCode="#,##0.0_);[Red]\(#,##0.0\)"/>
    <numFmt numFmtId="187" formatCode="&quot;(&quot;#,##0&quot;)&quot;"/>
    <numFmt numFmtId="188" formatCode="#,##0.0"/>
    <numFmt numFmtId="189" formatCode="0.000_ "/>
    <numFmt numFmtId="190" formatCode="hh:mm\ \T\K"/>
    <numFmt numFmtId="191" formatCode=";;;"/>
    <numFmt numFmtId="192" formatCode="_(&quot;$&quot;* #,##0_);_(&quot;$&quot;* \(#,##0\);_(&quot;$&quot;* &quot;-&quot;_);_(@_)"/>
    <numFmt numFmtId="193" formatCode="_(&quot;$&quot;* #,##0.00_);_(&quot;$&quot;* \(#,##0.00\);_(&quot;$&quot;* &quot;-&quot;??_);_(@_)"/>
    <numFmt numFmtId="194" formatCode="mm/dd/yy\ h:mm"/>
    <numFmt numFmtId="195" formatCode="mmmm/dd/yyyy\ h:mm"/>
    <numFmt numFmtId="196" formatCode="_-* #,##0.0_-;\-* #,##0.0_-;_-* &quot;-&quot;??_-;_-@_-"/>
    <numFmt numFmtId="197" formatCode="&quot;¥&quot;#,##0.0;[Red]&quot;¥&quot;\-#,##0.0"/>
    <numFmt numFmtId="198" formatCode="_(* #,##0_);_(* \(#,##0\);_(* &quot;-&quot;??_);_(@_)"/>
    <numFmt numFmtId="199" formatCode="&quot;$&quot;#,##0.00"/>
    <numFmt numFmtId="200" formatCode="#,#00&quot; &quot;"/>
    <numFmt numFmtId="201" formatCode="#,##0.0;[Red]\-#,##0.0"/>
    <numFmt numFmtId="202" formatCode="#,##0.0;;"/>
    <numFmt numFmtId="203" formatCode="#,##0.00;;"/>
    <numFmt numFmtId="204" formatCode="#,##0_);\(#,##0\)"/>
    <numFmt numFmtId="205" formatCode="#,##0.0_);\(#,##0.0\)"/>
    <numFmt numFmtId="206" formatCode="0.0;0"/>
    <numFmt numFmtId="207" formatCode="0.000;0.00"/>
    <numFmt numFmtId="208" formatCode="_ * #,##0.0_ ;_ * \-#,##0.0_ ;_ * &quot;-&quot;_ ;_ @_ "/>
    <numFmt numFmtId="209" formatCode="0.0"/>
    <numFmt numFmtId="210" formatCode="#,##0.0000;[Red]\-#,##0.0000"/>
    <numFmt numFmtId="211" formatCode="#,##0\ ;\-#,##0\ ;_ * &quot;- &quot;_ ;_ @_ "/>
    <numFmt numFmtId="212" formatCode="_(&quot;¥&quot;* #,##0_);_(&quot;¥&quot;* \(#,##0\);_(&quot;¥&quot;* &quot;-&quot;??_);_(@_)"/>
    <numFmt numFmtId="213" formatCode="###0"/>
    <numFmt numFmtId="214" formatCode="#,##0\-;&quot;▲&quot;#,##0\-"/>
    <numFmt numFmtId="215" formatCode="&quot;¥&quot;#,##0\-;&quot;¥&quot;&quot;▲&quot;#,##0\-"/>
    <numFmt numFmtId="216" formatCode="#,##0\ ;[Red]\-#,##0\ "/>
    <numFmt numFmtId="217" formatCode="###0.0;[Red]\-###0.0"/>
    <numFmt numFmtId="218" formatCode="###0.00;[Red]\-###0.00"/>
    <numFmt numFmtId="219" formatCode="#,##0.000\ ;[Red]\-#,##0.000\ "/>
    <numFmt numFmtId="220" formatCode="[&lt;=43585]ggge&quot;年&quot;m&quot;月&quot;d&quot;日&quot;;[&gt;=43831]ggge&quot;年&quot;m&quot;月&quot;d&quot;日&quot;;ggg&quot;元年&quot;m&quot;月&quot;d&quot;日&quot;"/>
    <numFmt numFmtId="221" formatCode="#,##0&quot; &quot;"/>
    <numFmt numFmtId="222" formatCode="\(\1\+#,##0.0000\)"/>
    <numFmt numFmtId="223" formatCode="0.000%"/>
    <numFmt numFmtId="224" formatCode="#,##0\ "/>
    <numFmt numFmtId="225" formatCode="#,##0\ &quot; x&quot;"/>
    <numFmt numFmtId="226" formatCode="&quot;×&quot;#,##0.0"/>
    <numFmt numFmtId="227" formatCode="#,##0\ &quot; +&quot;"/>
    <numFmt numFmtId="228" formatCode="0.0_ "/>
    <numFmt numFmtId="229" formatCode="&quot;×&quot;#&quot;%&quot;"/>
    <numFmt numFmtId="230" formatCode="0.000000"/>
    <numFmt numFmtId="231" formatCode="#,##0.000_);\(#,##0.000\)"/>
    <numFmt numFmtId="232" formatCode="#,##0.000_);[Red]\(#,##0.000\)"/>
  </numFmts>
  <fonts count="102">
    <font>
      <sz val="10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sz val="11"/>
      <color indexed="9"/>
      <name val="ＭＳ 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ゴシック"/>
      <family val="3"/>
      <charset val="128"/>
    </font>
    <font>
      <sz val="11"/>
      <color indexed="60"/>
      <name val="ＭＳ ゴシック"/>
      <family val="3"/>
      <charset val="128"/>
    </font>
    <font>
      <sz val="11"/>
      <color indexed="52"/>
      <name val="ＭＳ ゴシック"/>
      <family val="3"/>
      <charset val="128"/>
    </font>
    <font>
      <sz val="11"/>
      <color indexed="20"/>
      <name val="ＭＳ ゴシック"/>
      <family val="3"/>
      <charset val="128"/>
    </font>
    <font>
      <b/>
      <sz val="11"/>
      <color indexed="52"/>
      <name val="ＭＳ ゴシック"/>
      <family val="3"/>
      <charset val="128"/>
    </font>
    <font>
      <sz val="11"/>
      <color indexed="10"/>
      <name val="ＭＳ ゴシック"/>
      <family val="3"/>
      <charset val="128"/>
    </font>
    <font>
      <b/>
      <sz val="15"/>
      <color indexed="56"/>
      <name val="ＭＳ ゴシック"/>
      <family val="3"/>
      <charset val="128"/>
    </font>
    <font>
      <b/>
      <sz val="13"/>
      <color indexed="56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b/>
      <sz val="11"/>
      <color indexed="8"/>
      <name val="ＭＳ ゴシック"/>
      <family val="3"/>
      <charset val="128"/>
    </font>
    <font>
      <b/>
      <sz val="11"/>
      <color indexed="63"/>
      <name val="ＭＳ ゴシック"/>
      <family val="3"/>
      <charset val="128"/>
    </font>
    <font>
      <i/>
      <sz val="11"/>
      <color indexed="23"/>
      <name val="ＭＳ ゴシック"/>
      <family val="3"/>
      <charset val="128"/>
    </font>
    <font>
      <sz val="11"/>
      <color indexed="62"/>
      <name val="ＭＳ ゴシック"/>
      <family val="3"/>
      <charset val="128"/>
    </font>
    <font>
      <sz val="11"/>
      <name val="明朝"/>
      <family val="1"/>
      <charset val="128"/>
    </font>
    <font>
      <sz val="11"/>
      <color indexed="17"/>
      <name val="ＭＳ ゴシック"/>
      <family val="3"/>
      <charset val="128"/>
    </font>
    <font>
      <sz val="14"/>
      <name val="ＭＳ 明朝"/>
      <family val="1"/>
      <charset val="128"/>
    </font>
    <font>
      <sz val="10"/>
      <name val="Arial"/>
      <family val="2"/>
    </font>
    <font>
      <sz val="10"/>
      <name val="明朝"/>
      <family val="1"/>
      <charset val="128"/>
    </font>
    <font>
      <b/>
      <sz val="12"/>
      <name val="Helv"/>
      <family val="2"/>
    </font>
    <font>
      <sz val="10"/>
      <color indexed="8"/>
      <name val="Arial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b/>
      <sz val="12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0"/>
      <color rgb="FFFF0000"/>
      <name val="ＭＳ 明朝"/>
      <family val="1"/>
      <charset val="128"/>
    </font>
    <font>
      <b/>
      <sz val="10"/>
      <name val="ＭＳ 明朝"/>
      <family val="1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2"/>
      <name val="Arial"/>
      <family val="2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sz val="12"/>
      <color indexed="8"/>
      <name val="ＭＳ Ｐゴシック"/>
      <family val="3"/>
      <charset val="128"/>
    </font>
    <font>
      <b/>
      <sz val="9"/>
      <name val="Times New Roman"/>
      <family val="1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2"/>
      <name val="Times New Roman"/>
      <family val="1"/>
    </font>
    <font>
      <b/>
      <sz val="16"/>
      <color indexed="8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1"/>
      <name val="ＪＳ明朝"/>
      <family val="1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1"/>
      <name val="Times New Roman"/>
      <family val="1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4"/>
      <color indexed="8"/>
      <name val="ＭＳ 明朝"/>
      <family val="1"/>
      <charset val="128"/>
    </font>
    <font>
      <i/>
      <sz val="11"/>
      <color indexed="23"/>
      <name val="ＭＳ Ｐ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明朝"/>
      <family val="1"/>
      <charset val="128"/>
    </font>
    <font>
      <sz val="11"/>
      <color indexed="62"/>
      <name val="ＭＳ Ｐゴシック"/>
      <family val="3"/>
      <charset val="128"/>
    </font>
    <font>
      <sz val="8"/>
      <name val="明朝"/>
      <family val="1"/>
      <charset val="128"/>
    </font>
    <font>
      <sz val="11"/>
      <color indexed="17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6"/>
      <name val="ＭＳ 明朝"/>
      <family val="2"/>
      <charset val="128"/>
    </font>
    <font>
      <sz val="20"/>
      <name val="ＭＳ 明朝"/>
      <family val="1"/>
      <charset val="128"/>
    </font>
    <font>
      <sz val="22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8"/>
      <name val="ＭＳ 明朝"/>
      <family val="1"/>
      <charset val="128"/>
    </font>
    <font>
      <sz val="11"/>
      <color theme="1"/>
      <name val="ＭＳ Ｐゴシック"/>
      <family val="2"/>
      <scheme val="minor"/>
    </font>
    <font>
      <sz val="9"/>
      <color theme="0"/>
      <name val="ＭＳ 明朝"/>
      <family val="1"/>
      <charset val="128"/>
    </font>
  </fonts>
  <fills count="32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  <bgColor indexed="9"/>
      </patternFill>
    </fill>
    <fill>
      <patternFill patternType="solid">
        <fgColor indexed="9"/>
      </patternFill>
    </fill>
    <fill>
      <patternFill patternType="solid">
        <fgColor theme="0"/>
        <bgColor indexed="64"/>
      </patternFill>
    </fill>
  </fills>
  <borders count="101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auto="1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thin">
        <color auto="1"/>
      </bottom>
      <diagonal/>
    </border>
  </borders>
  <cellStyleXfs count="261">
    <xf numFmtId="0" fontId="0" fillId="0" borderId="0"/>
    <xf numFmtId="192" fontId="36" fillId="0" borderId="0" applyFont="0" applyFill="0" applyBorder="0" applyAlignment="0" applyProtection="0"/>
    <xf numFmtId="193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6" fillId="0" borderId="0"/>
    <xf numFmtId="9" fontId="36" fillId="2" borderId="0"/>
    <xf numFmtId="177" fontId="37" fillId="0" borderId="1" applyFont="0" applyFill="0" applyBorder="0" applyAlignment="0" applyProtection="0"/>
    <xf numFmtId="0" fontId="17" fillId="3" borderId="0" applyNumberFormat="0" applyBorder="0" applyAlignment="0" applyProtection="0">
      <alignment vertical="center"/>
    </xf>
    <xf numFmtId="0" fontId="17" fillId="4" borderId="0" applyNumberFormat="0" applyBorder="0" applyAlignment="0" applyProtection="0">
      <alignment vertical="center"/>
    </xf>
    <xf numFmtId="0" fontId="17" fillId="5" borderId="0" applyNumberFormat="0" applyBorder="0" applyAlignment="0" applyProtection="0">
      <alignment vertical="center"/>
    </xf>
    <xf numFmtId="0" fontId="17" fillId="6" borderId="0" applyNumberFormat="0" applyBorder="0" applyAlignment="0" applyProtection="0">
      <alignment vertical="center"/>
    </xf>
    <xf numFmtId="0" fontId="17" fillId="7" borderId="0" applyNumberFormat="0" applyBorder="0" applyAlignment="0" applyProtection="0">
      <alignment vertical="center"/>
    </xf>
    <xf numFmtId="0" fontId="17" fillId="8" borderId="0" applyNumberFormat="0" applyBorder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7" fillId="10" borderId="0" applyNumberFormat="0" applyBorder="0" applyAlignment="0" applyProtection="0">
      <alignment vertical="center"/>
    </xf>
    <xf numFmtId="0" fontId="17" fillId="11" borderId="0" applyNumberFormat="0" applyBorder="0" applyAlignment="0" applyProtection="0">
      <alignment vertical="center"/>
    </xf>
    <xf numFmtId="0" fontId="17" fillId="6" borderId="0" applyNumberFormat="0" applyBorder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8" fillId="13" borderId="0" applyNumberFormat="0" applyBorder="0" applyAlignment="0" applyProtection="0">
      <alignment vertical="center"/>
    </xf>
    <xf numFmtId="0" fontId="18" fillId="10" borderId="0" applyNumberFormat="0" applyBorder="0" applyAlignment="0" applyProtection="0">
      <alignment vertical="center"/>
    </xf>
    <xf numFmtId="0" fontId="18" fillId="11" borderId="0" applyNumberFormat="0" applyBorder="0" applyAlignment="0" applyProtection="0">
      <alignment vertical="center"/>
    </xf>
    <xf numFmtId="0" fontId="18" fillId="14" borderId="0" applyNumberFormat="0" applyBorder="0" applyAlignment="0" applyProtection="0">
      <alignment vertical="center"/>
    </xf>
    <xf numFmtId="0" fontId="18" fillId="15" borderId="0" applyNumberFormat="0" applyBorder="0" applyAlignment="0" applyProtection="0">
      <alignment vertical="center"/>
    </xf>
    <xf numFmtId="0" fontId="18" fillId="16" borderId="0" applyNumberFormat="0" applyBorder="0" applyAlignment="0" applyProtection="0">
      <alignment vertical="center"/>
    </xf>
    <xf numFmtId="188" fontId="15" fillId="0" borderId="0" applyFill="0" applyBorder="0" applyAlignment="0"/>
    <xf numFmtId="195" fontId="15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0" fontId="36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195" fontId="15" fillId="0" borderId="0" applyFill="0" applyBorder="0" applyAlignment="0"/>
    <xf numFmtId="0" fontId="36" fillId="0" borderId="0" applyFont="0" applyFill="0" applyBorder="0" applyAlignment="0" applyProtection="0"/>
    <xf numFmtId="194" fontId="15" fillId="0" borderId="0" applyFont="0" applyFill="0" applyBorder="0" applyAlignment="0" applyProtection="0"/>
    <xf numFmtId="196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195" fontId="1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8" fillId="0" borderId="2" applyNumberFormat="0" applyBorder="0">
      <alignment horizontal="centerContinuous"/>
    </xf>
    <xf numFmtId="14" fontId="39" fillId="0" borderId="0" applyFill="0" applyBorder="0" applyAlignment="0"/>
    <xf numFmtId="194" fontId="15" fillId="0" borderId="0" applyFill="0" applyBorder="0" applyAlignment="0"/>
    <xf numFmtId="195" fontId="15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195" fontId="15" fillId="0" borderId="0" applyFill="0" applyBorder="0" applyAlignment="0"/>
    <xf numFmtId="0" fontId="40" fillId="0" borderId="0" applyNumberFormat="0" applyFill="0" applyBorder="0" applyAlignment="0" applyProtection="0"/>
    <xf numFmtId="38" fontId="41" fillId="17" borderId="0" applyNumberFormat="0" applyBorder="0" applyAlignment="0" applyProtection="0"/>
    <xf numFmtId="0" fontId="42" fillId="0" borderId="3" applyNumberFormat="0" applyAlignment="0" applyProtection="0">
      <alignment horizontal="left" vertical="center"/>
    </xf>
    <xf numFmtId="0" fontId="42" fillId="0" borderId="4">
      <alignment horizontal="left" vertical="center"/>
    </xf>
    <xf numFmtId="0" fontId="43" fillId="0" borderId="0" applyNumberFormat="0" applyFill="0" applyBorder="0" applyAlignment="0" applyProtection="0">
      <alignment vertical="top"/>
      <protection locked="0"/>
    </xf>
    <xf numFmtId="10" fontId="41" fillId="18" borderId="5" applyNumberFormat="0" applyBorder="0" applyAlignment="0" applyProtection="0"/>
    <xf numFmtId="194" fontId="15" fillId="0" borderId="0" applyFill="0" applyBorder="0" applyAlignment="0"/>
    <xf numFmtId="195" fontId="15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195" fontId="15" fillId="0" borderId="0" applyFill="0" applyBorder="0" applyAlignment="0"/>
    <xf numFmtId="2" fontId="44" fillId="19" borderId="0"/>
    <xf numFmtId="176" fontId="11" fillId="0" borderId="0"/>
    <xf numFmtId="0" fontId="36" fillId="0" borderId="0"/>
    <xf numFmtId="187" fontId="45" fillId="0" borderId="0" applyFont="0" applyFill="0" applyBorder="0" applyAlignment="0" applyProtection="0"/>
    <xf numFmtId="185" fontId="45" fillId="0" borderId="0" applyFont="0" applyFill="0" applyBorder="0" applyAlignment="0" applyProtection="0"/>
    <xf numFmtId="0" fontId="36" fillId="0" borderId="0" applyFont="0" applyFill="0" applyBorder="0" applyAlignment="0" applyProtection="0"/>
    <xf numFmtId="196" fontId="36" fillId="0" borderId="0" applyFont="0" applyFill="0" applyBorder="0" applyAlignment="0" applyProtection="0"/>
    <xf numFmtId="10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194" fontId="15" fillId="0" borderId="0" applyFill="0" applyBorder="0" applyAlignment="0"/>
    <xf numFmtId="195" fontId="15" fillId="0" borderId="0" applyFill="0" applyBorder="0" applyAlignment="0"/>
    <xf numFmtId="194" fontId="15" fillId="0" borderId="0" applyFill="0" applyBorder="0" applyAlignment="0"/>
    <xf numFmtId="0" fontId="36" fillId="0" borderId="0" applyFill="0" applyBorder="0" applyAlignment="0"/>
    <xf numFmtId="195" fontId="15" fillId="0" borderId="0" applyFill="0" applyBorder="0" applyAlignment="0"/>
    <xf numFmtId="0" fontId="46" fillId="0" borderId="0"/>
    <xf numFmtId="49" fontId="39" fillId="0" borderId="0" applyFill="0" applyBorder="0" applyAlignment="0"/>
    <xf numFmtId="0" fontId="36" fillId="0" borderId="0" applyFill="0" applyBorder="0" applyAlignment="0"/>
    <xf numFmtId="0" fontId="36" fillId="0" borderId="0" applyFill="0" applyBorder="0" applyAlignment="0"/>
    <xf numFmtId="197" fontId="45" fillId="0" borderId="0" applyFont="0" applyFill="0" applyBorder="0" applyAlignment="0" applyProtection="0"/>
    <xf numFmtId="189" fontId="45" fillId="0" borderId="0" applyFont="0" applyFill="0" applyBorder="0" applyAlignment="0" applyProtection="0"/>
    <xf numFmtId="0" fontId="18" fillId="20" borderId="0" applyNumberFormat="0" applyBorder="0" applyAlignment="0" applyProtection="0">
      <alignment vertical="center"/>
    </xf>
    <xf numFmtId="0" fontId="18" fillId="21" borderId="0" applyNumberFormat="0" applyBorder="0" applyAlignment="0" applyProtection="0">
      <alignment vertical="center"/>
    </xf>
    <xf numFmtId="0" fontId="18" fillId="22" borderId="0" applyNumberFormat="0" applyBorder="0" applyAlignment="0" applyProtection="0">
      <alignment vertical="center"/>
    </xf>
    <xf numFmtId="0" fontId="18" fillId="14" borderId="0" applyNumberFormat="0" applyBorder="0" applyAlignment="0" applyProtection="0">
      <alignment vertical="center"/>
    </xf>
    <xf numFmtId="0" fontId="18" fillId="15" borderId="0" applyNumberFormat="0" applyBorder="0" applyAlignment="0" applyProtection="0">
      <alignment vertical="center"/>
    </xf>
    <xf numFmtId="0" fontId="18" fillId="23" borderId="0" applyNumberFormat="0" applyBorder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24" borderId="6" applyNumberFormat="0" applyAlignment="0" applyProtection="0">
      <alignment vertical="center"/>
    </xf>
    <xf numFmtId="0" fontId="21" fillId="25" borderId="0" applyNumberFormat="0" applyBorder="0" applyAlignment="0" applyProtection="0">
      <alignment vertical="center"/>
    </xf>
    <xf numFmtId="198" fontId="33" fillId="0" borderId="0" applyFont="0" applyFill="0" applyBorder="0" applyAlignment="0" applyProtection="0"/>
    <xf numFmtId="199" fontId="33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47" fillId="0" borderId="0"/>
    <xf numFmtId="0" fontId="15" fillId="26" borderId="7" applyNumberFormat="0" applyFont="0" applyAlignment="0" applyProtection="0">
      <alignment vertical="center"/>
    </xf>
    <xf numFmtId="41" fontId="36" fillId="0" borderId="0" applyFont="0" applyFill="0" applyBorder="0" applyAlignment="0" applyProtection="0"/>
    <xf numFmtId="4" fontId="47" fillId="0" borderId="0" applyFont="0" applyFill="0" applyBorder="0" applyAlignment="0" applyProtection="0"/>
    <xf numFmtId="0" fontId="22" fillId="0" borderId="8" applyNumberFormat="0" applyFill="0" applyAlignment="0" applyProtection="0">
      <alignment vertical="center"/>
    </xf>
    <xf numFmtId="0" fontId="23" fillId="4" borderId="0" applyNumberFormat="0" applyBorder="0" applyAlignment="0" applyProtection="0">
      <alignment vertical="center"/>
    </xf>
    <xf numFmtId="0" fontId="24" fillId="27" borderId="9" applyNumberFormat="0" applyAlignment="0" applyProtection="0">
      <alignment vertical="center"/>
    </xf>
    <xf numFmtId="0" fontId="25" fillId="0" borderId="0" applyNumberFormat="0" applyFill="0" applyBorder="0" applyAlignment="0" applyProtection="0">
      <alignment vertical="center"/>
    </xf>
    <xf numFmtId="38" fontId="7" fillId="0" borderId="0" applyFont="0" applyFill="0" applyBorder="0" applyAlignment="0" applyProtection="0"/>
    <xf numFmtId="3" fontId="37" fillId="0" borderId="0" applyFont="0" applyFill="0" applyBorder="0" applyAlignment="0" applyProtection="0"/>
    <xf numFmtId="0" fontId="37" fillId="0" borderId="1" applyFont="0" applyFill="0" applyBorder="0" applyAlignment="0" applyProtection="0">
      <alignment horizontal="right"/>
    </xf>
    <xf numFmtId="4" fontId="37" fillId="0" borderId="1" applyFont="0" applyFill="0" applyBorder="0" applyAlignment="0" applyProtection="0"/>
    <xf numFmtId="0" fontId="26" fillId="0" borderId="10" applyNumberFormat="0" applyFill="0" applyAlignment="0" applyProtection="0">
      <alignment vertical="center"/>
    </xf>
    <xf numFmtId="0" fontId="27" fillId="0" borderId="11" applyNumberFormat="0" applyFill="0" applyAlignment="0" applyProtection="0">
      <alignment vertical="center"/>
    </xf>
    <xf numFmtId="0" fontId="28" fillId="0" borderId="12" applyNumberFormat="0" applyFill="0" applyAlignment="0" applyProtection="0">
      <alignment vertical="center"/>
    </xf>
    <xf numFmtId="0" fontId="28" fillId="0" borderId="0" applyNumberFormat="0" applyFill="0" applyBorder="0" applyAlignment="0" applyProtection="0">
      <alignment vertical="center"/>
    </xf>
    <xf numFmtId="0" fontId="29" fillId="0" borderId="13" applyNumberFormat="0" applyFill="0" applyAlignment="0" applyProtection="0">
      <alignment vertical="center"/>
    </xf>
    <xf numFmtId="0" fontId="30" fillId="27" borderId="14" applyNumberFormat="0" applyAlignment="0" applyProtection="0">
      <alignment vertical="center"/>
    </xf>
    <xf numFmtId="0" fontId="48" fillId="0" borderId="0">
      <alignment vertical="center"/>
    </xf>
    <xf numFmtId="0" fontId="31" fillId="0" borderId="0" applyNumberFormat="0" applyFill="0" applyBorder="0" applyAlignment="0" applyProtection="0">
      <alignment vertical="center"/>
    </xf>
    <xf numFmtId="0" fontId="36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2" fillId="8" borderId="9" applyNumberFormat="0" applyAlignment="0" applyProtection="0">
      <alignment vertical="center"/>
    </xf>
    <xf numFmtId="58" fontId="37" fillId="0" borderId="0" applyFont="0" applyFill="0" applyBorder="0" applyAlignment="0" applyProtection="0"/>
    <xf numFmtId="191" fontId="37" fillId="0" borderId="1" applyFont="0" applyFill="0" applyBorder="0" applyAlignment="0" applyProtection="0"/>
    <xf numFmtId="0" fontId="15" fillId="0" borderId="0"/>
    <xf numFmtId="0" fontId="15" fillId="0" borderId="0"/>
    <xf numFmtId="190" fontId="8" fillId="0" borderId="0"/>
    <xf numFmtId="0" fontId="35" fillId="0" borderId="0"/>
    <xf numFmtId="0" fontId="34" fillId="5" borderId="0" applyNumberFormat="0" applyBorder="0" applyAlignment="0" applyProtection="0">
      <alignment vertical="center"/>
    </xf>
    <xf numFmtId="183" fontId="15" fillId="0" borderId="0"/>
    <xf numFmtId="38" fontId="15" fillId="0" borderId="0" applyFont="0" applyFill="0" applyBorder="0" applyAlignment="0" applyProtection="0"/>
    <xf numFmtId="183" fontId="15" fillId="0" borderId="0"/>
    <xf numFmtId="40" fontId="53" fillId="0" borderId="0" applyFont="0" applyFill="0" applyBorder="0" applyAlignment="0" applyProtection="0"/>
    <xf numFmtId="8" fontId="53" fillId="0" borderId="0" applyFont="0" applyFill="0" applyBorder="0" applyAlignment="0" applyProtection="0"/>
    <xf numFmtId="0" fontId="54" fillId="0" borderId="41" applyNumberFormat="0" applyFont="0" applyFill="0" applyAlignment="0" applyProtection="0"/>
    <xf numFmtId="0" fontId="55" fillId="3" borderId="0" applyNumberFormat="0" applyBorder="0" applyAlignment="0" applyProtection="0">
      <alignment vertical="center"/>
    </xf>
    <xf numFmtId="0" fontId="55" fillId="4" borderId="0" applyNumberFormat="0" applyBorder="0" applyAlignment="0" applyProtection="0">
      <alignment vertical="center"/>
    </xf>
    <xf numFmtId="0" fontId="55" fillId="5" borderId="0" applyNumberFormat="0" applyBorder="0" applyAlignment="0" applyProtection="0">
      <alignment vertical="center"/>
    </xf>
    <xf numFmtId="0" fontId="55" fillId="6" borderId="0" applyNumberFormat="0" applyBorder="0" applyAlignment="0" applyProtection="0">
      <alignment vertical="center"/>
    </xf>
    <xf numFmtId="0" fontId="55" fillId="7" borderId="0" applyNumberFormat="0" applyBorder="0" applyAlignment="0" applyProtection="0">
      <alignment vertical="center"/>
    </xf>
    <xf numFmtId="0" fontId="55" fillId="8" borderId="0" applyNumberFormat="0" applyBorder="0" applyAlignment="0" applyProtection="0">
      <alignment vertical="center"/>
    </xf>
    <xf numFmtId="0" fontId="55" fillId="9" borderId="0" applyNumberFormat="0" applyBorder="0" applyAlignment="0" applyProtection="0">
      <alignment vertical="center"/>
    </xf>
    <xf numFmtId="0" fontId="55" fillId="10" borderId="0" applyNumberFormat="0" applyBorder="0" applyAlignment="0" applyProtection="0">
      <alignment vertical="center"/>
    </xf>
    <xf numFmtId="0" fontId="55" fillId="11" borderId="0" applyNumberFormat="0" applyBorder="0" applyAlignment="0" applyProtection="0">
      <alignment vertical="center"/>
    </xf>
    <xf numFmtId="0" fontId="55" fillId="6" borderId="0" applyNumberFormat="0" applyBorder="0" applyAlignment="0" applyProtection="0">
      <alignment vertical="center"/>
    </xf>
    <xf numFmtId="0" fontId="55" fillId="9" borderId="0" applyNumberFormat="0" applyBorder="0" applyAlignment="0" applyProtection="0">
      <alignment vertical="center"/>
    </xf>
    <xf numFmtId="0" fontId="55" fillId="12" borderId="0" applyNumberFormat="0" applyBorder="0" applyAlignment="0" applyProtection="0">
      <alignment vertical="center"/>
    </xf>
    <xf numFmtId="0" fontId="56" fillId="13" borderId="0" applyNumberFormat="0" applyBorder="0" applyAlignment="0" applyProtection="0">
      <alignment vertical="center"/>
    </xf>
    <xf numFmtId="0" fontId="56" fillId="10" borderId="0" applyNumberFormat="0" applyBorder="0" applyAlignment="0" applyProtection="0">
      <alignment vertical="center"/>
    </xf>
    <xf numFmtId="0" fontId="56" fillId="11" borderId="0" applyNumberFormat="0" applyBorder="0" applyAlignment="0" applyProtection="0">
      <alignment vertical="center"/>
    </xf>
    <xf numFmtId="0" fontId="56" fillId="14" borderId="0" applyNumberFormat="0" applyBorder="0" applyAlignment="0" applyProtection="0">
      <alignment vertical="center"/>
    </xf>
    <xf numFmtId="0" fontId="56" fillId="15" borderId="0" applyNumberFormat="0" applyBorder="0" applyAlignment="0" applyProtection="0">
      <alignment vertical="center"/>
    </xf>
    <xf numFmtId="0" fontId="56" fillId="16" borderId="0" applyNumberFormat="0" applyBorder="0" applyAlignment="0" applyProtection="0">
      <alignment vertical="center"/>
    </xf>
    <xf numFmtId="38" fontId="37" fillId="0" borderId="0">
      <alignment vertical="center"/>
      <protection hidden="1"/>
    </xf>
    <xf numFmtId="0" fontId="36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188" fontId="15" fillId="0" borderId="0" applyFill="0" applyBorder="0" applyAlignment="0"/>
    <xf numFmtId="188" fontId="15" fillId="0" borderId="0" applyFill="0" applyBorder="0" applyAlignment="0"/>
    <xf numFmtId="0" fontId="58" fillId="0" borderId="0" applyNumberFormat="0" applyFont="0" applyBorder="0" applyAlignment="0" applyProtection="0"/>
    <xf numFmtId="0" fontId="44" fillId="0" borderId="0">
      <alignment horizontal="left"/>
    </xf>
    <xf numFmtId="0" fontId="59" fillId="0" borderId="0" applyNumberFormat="0" applyFill="0" applyBorder="0" applyAlignment="0" applyProtection="0"/>
    <xf numFmtId="0" fontId="58" fillId="0" borderId="0" applyNumberFormat="0" applyFill="0" applyBorder="0" applyAlignment="0" applyProtection="0"/>
    <xf numFmtId="4" fontId="44" fillId="0" borderId="0">
      <alignment horizontal="right"/>
    </xf>
    <xf numFmtId="0" fontId="60" fillId="0" borderId="0" applyNumberFormat="0" applyFont="0" applyFill="0" applyBorder="0" applyAlignment="0" applyProtection="0">
      <alignment horizontal="left"/>
    </xf>
    <xf numFmtId="0" fontId="61" fillId="0" borderId="32">
      <alignment horizontal="center"/>
    </xf>
    <xf numFmtId="4" fontId="62" fillId="0" borderId="0">
      <alignment horizontal="right"/>
    </xf>
    <xf numFmtId="0" fontId="16" fillId="0" borderId="0"/>
    <xf numFmtId="0" fontId="16" fillId="0" borderId="0"/>
    <xf numFmtId="0" fontId="63" fillId="0" borderId="0">
      <alignment horizontal="left"/>
    </xf>
    <xf numFmtId="0" fontId="60" fillId="0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4" fillId="29" borderId="0"/>
    <xf numFmtId="0" fontId="65" fillId="0" borderId="0">
      <alignment horizontal="center"/>
    </xf>
    <xf numFmtId="0" fontId="56" fillId="20" borderId="0" applyNumberFormat="0" applyBorder="0" applyAlignment="0" applyProtection="0">
      <alignment vertical="center"/>
    </xf>
    <xf numFmtId="0" fontId="56" fillId="21" borderId="0" applyNumberFormat="0" applyBorder="0" applyAlignment="0" applyProtection="0">
      <alignment vertical="center"/>
    </xf>
    <xf numFmtId="0" fontId="56" fillId="22" borderId="0" applyNumberFormat="0" applyBorder="0" applyAlignment="0" applyProtection="0">
      <alignment vertical="center"/>
    </xf>
    <xf numFmtId="0" fontId="56" fillId="14" borderId="0" applyNumberFormat="0" applyBorder="0" applyAlignment="0" applyProtection="0">
      <alignment vertical="center"/>
    </xf>
    <xf numFmtId="0" fontId="56" fillId="15" borderId="0" applyNumberFormat="0" applyBorder="0" applyAlignment="0" applyProtection="0">
      <alignment vertical="center"/>
    </xf>
    <xf numFmtId="0" fontId="56" fillId="23" borderId="0" applyNumberFormat="0" applyBorder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66" fillId="24" borderId="6" applyNumberFormat="0" applyAlignment="0" applyProtection="0">
      <alignment vertical="center"/>
    </xf>
    <xf numFmtId="0" fontId="67" fillId="25" borderId="0" applyNumberFormat="0" applyBorder="0" applyAlignment="0" applyProtection="0">
      <alignment vertical="center"/>
    </xf>
    <xf numFmtId="9" fontId="15" fillId="0" borderId="0" applyFont="0" applyFill="0" applyBorder="0" applyAlignment="0" applyProtection="0"/>
    <xf numFmtId="0" fontId="8" fillId="0" borderId="45" applyNumberFormat="0" applyFill="0" applyBorder="0" applyAlignment="0" applyProtection="0">
      <alignment horizontal="distributed" vertical="center" justifyLastLine="1"/>
    </xf>
    <xf numFmtId="0" fontId="15" fillId="26" borderId="7" applyNumberFormat="0" applyFont="0" applyAlignment="0" applyProtection="0">
      <alignment vertical="center"/>
    </xf>
    <xf numFmtId="0" fontId="68" fillId="28" borderId="0" applyNumberFormat="0" applyBorder="0" applyAlignment="0" applyProtection="0">
      <alignment vertical="center"/>
    </xf>
    <xf numFmtId="0" fontId="69" fillId="0" borderId="8" applyNumberFormat="0" applyFill="0" applyAlignment="0" applyProtection="0">
      <alignment vertical="center"/>
    </xf>
    <xf numFmtId="0" fontId="70" fillId="4" borderId="0" applyNumberFormat="0" applyBorder="0" applyAlignment="0" applyProtection="0">
      <alignment vertical="center"/>
    </xf>
    <xf numFmtId="0" fontId="71" fillId="0" borderId="84" applyFill="0" applyBorder="0" applyProtection="0">
      <alignment horizontal="left"/>
    </xf>
    <xf numFmtId="211" fontId="7" fillId="0" borderId="0" applyFill="0" applyBorder="0" applyAlignment="0" applyProtection="0">
      <alignment vertical="center"/>
    </xf>
    <xf numFmtId="0" fontId="72" fillId="30" borderId="0">
      <alignment horizontal="right" vertical="top"/>
    </xf>
    <xf numFmtId="0" fontId="68" fillId="28" borderId="0" applyNumberFormat="0" applyBorder="0" applyAlignment="0" applyProtection="0"/>
    <xf numFmtId="212" fontId="11" fillId="19" borderId="48" applyFont="0" applyFill="0" applyBorder="0" applyAlignment="0" applyProtection="0">
      <protection locked="0"/>
    </xf>
    <xf numFmtId="0" fontId="73" fillId="27" borderId="9" applyNumberFormat="0" applyAlignment="0" applyProtection="0">
      <alignment vertical="center"/>
    </xf>
    <xf numFmtId="0" fontId="74" fillId="0" borderId="0" applyNumberFormat="0" applyFill="0" applyBorder="0" applyAlignment="0" applyProtection="0">
      <alignment vertical="center"/>
    </xf>
    <xf numFmtId="201" fontId="12" fillId="0" borderId="22"/>
    <xf numFmtId="38" fontId="15" fillId="0" borderId="0" applyFont="0" applyFill="0" applyBorder="0" applyAlignment="0" applyProtection="0"/>
    <xf numFmtId="38" fontId="33" fillId="0" borderId="0" applyFont="0" applyFill="0" applyBorder="0" applyAlignment="0" applyProtection="0"/>
    <xf numFmtId="38" fontId="15" fillId="0" borderId="0" applyFont="0" applyFill="0" applyBorder="0" applyAlignment="0" applyProtection="0">
      <alignment vertical="center"/>
    </xf>
    <xf numFmtId="213" fontId="75" fillId="0" borderId="85" applyFill="0" applyBorder="0" applyProtection="0"/>
    <xf numFmtId="0" fontId="76" fillId="0" borderId="10" applyNumberFormat="0" applyFill="0" applyAlignment="0" applyProtection="0">
      <alignment vertical="center"/>
    </xf>
    <xf numFmtId="0" fontId="77" fillId="0" borderId="11" applyNumberFormat="0" applyFill="0" applyAlignment="0" applyProtection="0">
      <alignment vertical="center"/>
    </xf>
    <xf numFmtId="0" fontId="78" fillId="0" borderId="12" applyNumberFormat="0" applyFill="0" applyAlignment="0" applyProtection="0">
      <alignment vertical="center"/>
    </xf>
    <xf numFmtId="0" fontId="78" fillId="0" borderId="0" applyNumberFormat="0" applyFill="0" applyBorder="0" applyAlignment="0" applyProtection="0">
      <alignment vertical="center"/>
    </xf>
    <xf numFmtId="214" fontId="37" fillId="0" borderId="58">
      <protection locked="0"/>
    </xf>
    <xf numFmtId="214" fontId="37" fillId="0" borderId="58">
      <protection locked="0"/>
    </xf>
    <xf numFmtId="215" fontId="37" fillId="0" borderId="58">
      <protection locked="0"/>
    </xf>
    <xf numFmtId="0" fontId="35" fillId="0" borderId="86">
      <alignment horizontal="center"/>
    </xf>
    <xf numFmtId="0" fontId="79" fillId="0" borderId="13" applyNumberFormat="0" applyFill="0" applyAlignment="0" applyProtection="0">
      <alignment vertical="center"/>
    </xf>
    <xf numFmtId="0" fontId="80" fillId="27" borderId="14" applyNumberFormat="0" applyAlignment="0" applyProtection="0">
      <alignment vertical="center"/>
    </xf>
    <xf numFmtId="216" fontId="81" fillId="0" borderId="0" applyFill="0" applyBorder="0" applyProtection="0">
      <alignment vertical="center"/>
    </xf>
    <xf numFmtId="217" fontId="71" fillId="0" borderId="0" applyFill="0" applyBorder="0" applyProtection="0">
      <alignment vertical="center"/>
    </xf>
    <xf numFmtId="218" fontId="71" fillId="0" borderId="0" applyFill="0" applyBorder="0" applyProtection="0">
      <alignment vertical="center"/>
    </xf>
    <xf numFmtId="219" fontId="71" fillId="0" borderId="0" applyFill="0" applyBorder="0" applyProtection="0">
      <alignment vertical="center"/>
    </xf>
    <xf numFmtId="0" fontId="11" fillId="0" borderId="0" applyFill="0" applyBorder="0" applyProtection="0">
      <alignment horizontal="center" vertical="center"/>
    </xf>
    <xf numFmtId="42" fontId="7" fillId="0" borderId="0" applyFill="0" applyBorder="0" applyAlignment="0" applyProtection="0">
      <alignment horizontal="center" vertical="center"/>
    </xf>
    <xf numFmtId="209" fontId="82" fillId="30" borderId="87">
      <alignment horizontal="right"/>
    </xf>
    <xf numFmtId="2" fontId="83" fillId="0" borderId="15">
      <alignment horizontal="center"/>
    </xf>
    <xf numFmtId="0" fontId="84" fillId="0" borderId="0" applyNumberFormat="0" applyFont="0" applyBorder="0" applyAlignment="0" applyProtection="0"/>
    <xf numFmtId="0" fontId="85" fillId="0" borderId="0" applyNumberFormat="0" applyFill="0" applyBorder="0" applyAlignment="0" applyProtection="0">
      <alignment vertical="center"/>
    </xf>
    <xf numFmtId="0" fontId="58" fillId="0" borderId="0" applyFill="0" applyBorder="0" applyProtection="0">
      <alignment vertical="center"/>
    </xf>
    <xf numFmtId="0" fontId="86" fillId="0" borderId="0" applyFill="0" applyBorder="0" applyProtection="0">
      <alignment vertical="center"/>
    </xf>
    <xf numFmtId="0" fontId="87" fillId="0" borderId="0" applyFill="0" applyBorder="0" applyProtection="0"/>
    <xf numFmtId="0" fontId="88" fillId="0" borderId="0" applyFill="0" applyBorder="0" applyProtection="0">
      <alignment horizontal="left"/>
    </xf>
    <xf numFmtId="0" fontId="89" fillId="0" borderId="38" applyFill="0" applyBorder="0" applyProtection="0">
      <alignment horizontal="left" vertical="center"/>
    </xf>
    <xf numFmtId="6" fontId="15" fillId="0" borderId="0" applyFont="0" applyFill="0" applyBorder="0" applyAlignment="0" applyProtection="0"/>
    <xf numFmtId="0" fontId="90" fillId="8" borderId="9" applyNumberFormat="0" applyAlignment="0" applyProtection="0">
      <alignment vertical="center"/>
    </xf>
    <xf numFmtId="178" fontId="16" fillId="0" borderId="88" applyNumberFormat="0" applyFont="0" applyAlignment="0" applyProtection="0"/>
    <xf numFmtId="0" fontId="35" fillId="0" borderId="0"/>
    <xf numFmtId="0" fontId="15" fillId="0" borderId="0"/>
    <xf numFmtId="0" fontId="37" fillId="0" borderId="0" applyProtection="0">
      <alignment horizontal="center"/>
    </xf>
    <xf numFmtId="183" fontId="15" fillId="0" borderId="0"/>
    <xf numFmtId="0" fontId="7" fillId="0" borderId="0"/>
    <xf numFmtId="0" fontId="8" fillId="0" borderId="0"/>
    <xf numFmtId="183" fontId="6" fillId="0" borderId="0">
      <alignment vertical="center"/>
    </xf>
    <xf numFmtId="0" fontId="33" fillId="0" borderId="0"/>
    <xf numFmtId="0" fontId="33" fillId="0" borderId="0"/>
    <xf numFmtId="0" fontId="33" fillId="0" borderId="0"/>
    <xf numFmtId="183" fontId="15" fillId="0" borderId="0"/>
    <xf numFmtId="0" fontId="91" fillId="0" borderId="0"/>
    <xf numFmtId="0" fontId="37" fillId="0" borderId="0"/>
    <xf numFmtId="0" fontId="8" fillId="0" borderId="0" applyNumberFormat="0" applyBorder="0" applyAlignment="0"/>
    <xf numFmtId="0" fontId="54" fillId="0" borderId="0" applyBorder="0">
      <alignment vertical="center"/>
    </xf>
    <xf numFmtId="0" fontId="33" fillId="0" borderId="0"/>
    <xf numFmtId="0" fontId="92" fillId="5" borderId="0" applyNumberFormat="0" applyBorder="0" applyAlignment="0" applyProtection="0">
      <alignment vertical="center"/>
    </xf>
    <xf numFmtId="0" fontId="93" fillId="0" borderId="0">
      <alignment vertical="center"/>
    </xf>
    <xf numFmtId="0" fontId="33" fillId="0" borderId="0"/>
    <xf numFmtId="38" fontId="15" fillId="0" borderId="0" applyFont="0" applyFill="0" applyBorder="0" applyAlignment="0" applyProtection="0"/>
    <xf numFmtId="0" fontId="100" fillId="0" borderId="0"/>
    <xf numFmtId="38" fontId="15" fillId="0" borderId="0" applyFont="0" applyFill="0" applyBorder="0" applyAlignment="0" applyProtection="0"/>
    <xf numFmtId="8" fontId="53" fillId="0" borderId="0" applyFont="0" applyFill="0" applyBorder="0" applyAlignment="0" applyProtection="0"/>
    <xf numFmtId="6" fontId="15" fillId="0" borderId="0" applyFont="0" applyFill="0" applyBorder="0" applyAlignment="0" applyProtection="0"/>
    <xf numFmtId="183" fontId="5" fillId="0" borderId="0">
      <alignment vertical="center"/>
    </xf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9" fontId="3" fillId="0" borderId="0" applyFont="0" applyFill="0" applyBorder="0" applyAlignment="0" applyProtection="0">
      <alignment vertical="center"/>
    </xf>
    <xf numFmtId="38" fontId="7" fillId="0" borderId="0" applyFont="0" applyFill="0" applyBorder="0" applyAlignment="0" applyProtection="0"/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01">
    <xf numFmtId="0" fontId="0" fillId="0" borderId="0" xfId="0"/>
    <xf numFmtId="0" fontId="7" fillId="0" borderId="0" xfId="0" applyFont="1" applyAlignment="1">
      <alignment horizontal="right"/>
    </xf>
    <xf numFmtId="0" fontId="7" fillId="0" borderId="0" xfId="0" applyFont="1" applyAlignment="1">
      <alignment horizontal="left"/>
    </xf>
    <xf numFmtId="0" fontId="0" fillId="0" borderId="63" xfId="0" applyBorder="1" applyAlignment="1">
      <alignment horizontal="center" vertical="center"/>
    </xf>
    <xf numFmtId="0" fontId="0" fillId="0" borderId="44" xfId="0" applyBorder="1" applyAlignment="1">
      <alignment horizontal="center" vertical="center"/>
    </xf>
    <xf numFmtId="0" fontId="0" fillId="0" borderId="45" xfId="0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0" fillId="0" borderId="40" xfId="0" applyBorder="1" applyAlignment="1">
      <alignment horizontal="center" wrapText="1"/>
    </xf>
    <xf numFmtId="0" fontId="0" fillId="0" borderId="40" xfId="0" applyBorder="1" applyAlignment="1">
      <alignment wrapText="1"/>
    </xf>
    <xf numFmtId="40" fontId="7" fillId="0" borderId="38" xfId="98" applyNumberFormat="1" applyBorder="1"/>
    <xf numFmtId="40" fontId="7" fillId="0" borderId="62" xfId="98" applyNumberFormat="1" applyBorder="1" applyAlignment="1"/>
    <xf numFmtId="203" fontId="7" fillId="0" borderId="39" xfId="98" applyNumberFormat="1" applyBorder="1" applyAlignment="1"/>
    <xf numFmtId="40" fontId="7" fillId="0" borderId="38" xfId="98" applyNumberFormat="1" applyFont="1" applyBorder="1"/>
    <xf numFmtId="40" fontId="7" fillId="0" borderId="38" xfId="98" applyNumberFormat="1" applyBorder="1" applyAlignment="1">
      <alignment horizontal="center"/>
    </xf>
    <xf numFmtId="202" fontId="7" fillId="0" borderId="38" xfId="98" applyNumberFormat="1" applyBorder="1"/>
    <xf numFmtId="38" fontId="7" fillId="0" borderId="39" xfId="98" applyBorder="1" applyAlignment="1"/>
    <xf numFmtId="0" fontId="0" fillId="0" borderId="64" xfId="0" applyBorder="1" applyAlignment="1">
      <alignment horizontal="center" wrapText="1"/>
    </xf>
    <xf numFmtId="203" fontId="7" fillId="0" borderId="42" xfId="98" applyNumberFormat="1" applyBorder="1"/>
    <xf numFmtId="203" fontId="7" fillId="0" borderId="65" xfId="98" applyNumberFormat="1" applyBorder="1" applyAlignment="1"/>
    <xf numFmtId="0" fontId="0" fillId="0" borderId="66" xfId="0" applyBorder="1" applyAlignment="1">
      <alignment horizontal="center" wrapText="1"/>
    </xf>
    <xf numFmtId="203" fontId="7" fillId="0" borderId="67" xfId="98" applyNumberFormat="1" applyBorder="1" applyAlignment="1">
      <alignment horizontal="center"/>
    </xf>
    <xf numFmtId="38" fontId="7" fillId="0" borderId="67" xfId="98" applyBorder="1" applyAlignment="1">
      <alignment horizontal="center"/>
    </xf>
    <xf numFmtId="38" fontId="7" fillId="0" borderId="68" xfId="98" applyBorder="1" applyAlignment="1"/>
    <xf numFmtId="0" fontId="0" fillId="0" borderId="25" xfId="0" applyBorder="1"/>
    <xf numFmtId="0" fontId="7" fillId="0" borderId="25" xfId="0" applyFont="1" applyBorder="1" applyAlignment="1">
      <alignment horizontal="right"/>
    </xf>
    <xf numFmtId="0" fontId="7" fillId="0" borderId="25" xfId="0" applyFont="1" applyBorder="1" applyAlignment="1">
      <alignment horizontal="left"/>
    </xf>
    <xf numFmtId="0" fontId="0" fillId="0" borderId="27" xfId="0" applyBorder="1"/>
    <xf numFmtId="0" fontId="7" fillId="0" borderId="27" xfId="0" applyFont="1" applyBorder="1" applyAlignment="1">
      <alignment horizontal="right"/>
    </xf>
    <xf numFmtId="0" fontId="7" fillId="0" borderId="27" xfId="0" applyFont="1" applyBorder="1" applyAlignment="1">
      <alignment horizontal="left"/>
    </xf>
    <xf numFmtId="202" fontId="7" fillId="0" borderId="43" xfId="98" applyNumberFormat="1" applyFont="1" applyBorder="1" applyAlignment="1">
      <alignment horizontal="right"/>
    </xf>
    <xf numFmtId="204" fontId="7" fillId="0" borderId="38" xfId="98" applyNumberFormat="1" applyBorder="1" applyAlignment="1">
      <alignment horizontal="right"/>
    </xf>
    <xf numFmtId="205" fontId="7" fillId="0" borderId="38" xfId="98" applyNumberFormat="1" applyBorder="1" applyAlignment="1">
      <alignment horizontal="center"/>
    </xf>
    <xf numFmtId="204" fontId="7" fillId="0" borderId="67" xfId="98" applyNumberFormat="1" applyBorder="1" applyAlignment="1">
      <alignment horizontal="right"/>
    </xf>
    <xf numFmtId="204" fontId="7" fillId="0" borderId="69" xfId="98" applyNumberFormat="1" applyBorder="1" applyAlignment="1">
      <alignment horizontal="right"/>
    </xf>
    <xf numFmtId="202" fontId="7" fillId="0" borderId="62" xfId="98" applyNumberFormat="1" applyBorder="1" applyAlignment="1"/>
    <xf numFmtId="206" fontId="0" fillId="0" borderId="40" xfId="98" applyNumberFormat="1" applyFont="1" applyBorder="1" applyAlignment="1">
      <alignment horizontal="center" wrapText="1"/>
    </xf>
    <xf numFmtId="206" fontId="0" fillId="0" borderId="40" xfId="0" applyNumberFormat="1" applyBorder="1" applyAlignment="1">
      <alignment wrapText="1"/>
    </xf>
    <xf numFmtId="206" fontId="51" fillId="0" borderId="38" xfId="98" applyNumberFormat="1" applyFont="1" applyBorder="1" applyAlignment="1">
      <alignment horizontal="center"/>
    </xf>
    <xf numFmtId="41" fontId="7" fillId="0" borderId="42" xfId="98" applyNumberFormat="1" applyBorder="1"/>
    <xf numFmtId="41" fontId="7" fillId="0" borderId="67" xfId="98" applyNumberFormat="1" applyBorder="1" applyAlignment="1">
      <alignment horizontal="right"/>
    </xf>
    <xf numFmtId="208" fontId="7" fillId="0" borderId="39" xfId="98" applyNumberFormat="1" applyBorder="1" applyAlignment="1">
      <alignment horizontal="center"/>
    </xf>
    <xf numFmtId="208" fontId="7" fillId="0" borderId="39" xfId="98" applyNumberFormat="1" applyBorder="1" applyAlignment="1"/>
    <xf numFmtId="208" fontId="7" fillId="0" borderId="43" xfId="98" applyNumberFormat="1" applyFont="1" applyBorder="1" applyAlignment="1">
      <alignment horizontal="right"/>
    </xf>
    <xf numFmtId="3" fontId="0" fillId="0" borderId="40" xfId="0" applyNumberFormat="1" applyBorder="1" applyAlignment="1">
      <alignment horizontal="center" wrapText="1"/>
    </xf>
    <xf numFmtId="207" fontId="0" fillId="0" borderId="40" xfId="0" applyNumberFormat="1" applyBorder="1" applyAlignment="1">
      <alignment horizontal="center" wrapText="1"/>
    </xf>
    <xf numFmtId="207" fontId="52" fillId="0" borderId="38" xfId="98" applyNumberFormat="1" applyFont="1" applyBorder="1" applyAlignment="1">
      <alignment horizontal="center"/>
    </xf>
    <xf numFmtId="201" fontId="7" fillId="0" borderId="38" xfId="98" applyNumberFormat="1" applyBorder="1" applyAlignment="1">
      <alignment horizontal="center"/>
    </xf>
    <xf numFmtId="207" fontId="7" fillId="0" borderId="38" xfId="98" applyNumberFormat="1" applyBorder="1" applyAlignment="1">
      <alignment horizontal="center"/>
    </xf>
    <xf numFmtId="207" fontId="7" fillId="0" borderId="39" xfId="98" applyNumberFormat="1" applyBorder="1" applyAlignment="1"/>
    <xf numFmtId="207" fontId="51" fillId="0" borderId="38" xfId="98" applyNumberFormat="1" applyFont="1" applyBorder="1" applyAlignment="1">
      <alignment horizontal="center"/>
    </xf>
    <xf numFmtId="207" fontId="52" fillId="0" borderId="38" xfId="0" applyNumberFormat="1" applyFont="1" applyBorder="1" applyAlignment="1">
      <alignment horizontal="center"/>
    </xf>
    <xf numFmtId="207" fontId="52" fillId="0" borderId="39" xfId="98" applyNumberFormat="1" applyFont="1" applyBorder="1" applyAlignment="1">
      <alignment horizontal="center"/>
    </xf>
    <xf numFmtId="207" fontId="7" fillId="0" borderId="39" xfId="98" applyNumberFormat="1" applyBorder="1" applyAlignment="1">
      <alignment horizontal="center"/>
    </xf>
    <xf numFmtId="0" fontId="52" fillId="0" borderId="39" xfId="98" applyNumberFormat="1" applyFont="1" applyBorder="1" applyAlignment="1">
      <alignment horizontal="center"/>
    </xf>
    <xf numFmtId="41" fontId="7" fillId="0" borderId="38" xfId="98" applyNumberFormat="1" applyBorder="1" applyAlignment="1">
      <alignment horizontal="center"/>
    </xf>
    <xf numFmtId="41" fontId="7" fillId="0" borderId="39" xfId="98" applyNumberFormat="1" applyBorder="1" applyAlignment="1"/>
    <xf numFmtId="202" fontId="7" fillId="0" borderId="38" xfId="98" applyNumberFormat="1" applyBorder="1" applyAlignment="1">
      <alignment horizontal="center"/>
    </xf>
    <xf numFmtId="186" fontId="7" fillId="0" borderId="39" xfId="98" applyNumberFormat="1" applyBorder="1" applyAlignment="1">
      <alignment horizontal="center"/>
    </xf>
    <xf numFmtId="202" fontId="7" fillId="0" borderId="38" xfId="98" applyNumberFormat="1" applyFont="1" applyBorder="1" applyAlignment="1">
      <alignment horizontal="center"/>
    </xf>
    <xf numFmtId="0" fontId="49" fillId="0" borderId="73" xfId="0" applyFont="1" applyBorder="1" applyAlignment="1">
      <alignment vertical="top"/>
    </xf>
    <xf numFmtId="0" fontId="49" fillId="0" borderId="25" xfId="0" applyFont="1" applyBorder="1"/>
    <xf numFmtId="0" fontId="0" fillId="0" borderId="0" xfId="0" applyAlignment="1">
      <alignment vertical="top"/>
    </xf>
    <xf numFmtId="0" fontId="8" fillId="0" borderId="0" xfId="243" applyFont="1">
      <alignment vertical="center"/>
    </xf>
    <xf numFmtId="0" fontId="49" fillId="0" borderId="0" xfId="243" applyFont="1" applyAlignment="1">
      <alignment horizontal="center" vertical="center"/>
    </xf>
    <xf numFmtId="0" fontId="8" fillId="0" borderId="0" xfId="243" applyFont="1" applyAlignment="1">
      <alignment horizontal="center" vertical="center"/>
    </xf>
    <xf numFmtId="0" fontId="54" fillId="0" borderId="83" xfId="243" applyFont="1" applyBorder="1">
      <alignment vertical="center"/>
    </xf>
    <xf numFmtId="179" fontId="97" fillId="0" borderId="83" xfId="243" applyNumberFormat="1" applyFont="1" applyBorder="1">
      <alignment vertical="center"/>
    </xf>
    <xf numFmtId="5" fontId="8" fillId="0" borderId="83" xfId="243" applyNumberFormat="1" applyFont="1" applyBorder="1">
      <alignment vertical="center"/>
    </xf>
    <xf numFmtId="0" fontId="54" fillId="0" borderId="0" xfId="243" applyFont="1">
      <alignment vertical="center"/>
    </xf>
    <xf numFmtId="0" fontId="35" fillId="0" borderId="0" xfId="243" applyFont="1">
      <alignment vertical="center"/>
    </xf>
    <xf numFmtId="0" fontId="35" fillId="0" borderId="0" xfId="243" applyFont="1" applyAlignment="1">
      <alignment horizontal="right" vertical="center"/>
    </xf>
    <xf numFmtId="0" fontId="8" fillId="0" borderId="80" xfId="243" applyFont="1" applyBorder="1" applyAlignment="1">
      <alignment horizontal="center" vertical="center"/>
    </xf>
    <xf numFmtId="0" fontId="8" fillId="0" borderId="80" xfId="243" applyFont="1" applyBorder="1">
      <alignment vertical="center"/>
    </xf>
    <xf numFmtId="0" fontId="8" fillId="0" borderId="0" xfId="243" applyFont="1" applyAlignment="1">
      <alignment horizontal="right" vertical="center"/>
    </xf>
    <xf numFmtId="0" fontId="98" fillId="0" borderId="0" xfId="243" applyFont="1">
      <alignment vertical="center"/>
    </xf>
    <xf numFmtId="0" fontId="98" fillId="0" borderId="0" xfId="243" applyFont="1" applyAlignment="1">
      <alignment horizontal="center" vertical="center"/>
    </xf>
    <xf numFmtId="0" fontId="98" fillId="0" borderId="0" xfId="243" applyFont="1" applyAlignment="1">
      <alignment vertical="center" wrapText="1"/>
    </xf>
    <xf numFmtId="0" fontId="49" fillId="31" borderId="81" xfId="116" applyFont="1" applyFill="1" applyBorder="1" applyAlignment="1">
      <alignment horizontal="center" vertical="center"/>
    </xf>
    <xf numFmtId="0" fontId="49" fillId="31" borderId="67" xfId="116" applyFont="1" applyFill="1" applyBorder="1" applyAlignment="1">
      <alignment horizontal="center" vertical="center"/>
    </xf>
    <xf numFmtId="38" fontId="49" fillId="31" borderId="68" xfId="98" applyFont="1" applyFill="1" applyBorder="1" applyAlignment="1">
      <alignment horizontal="center" vertical="center"/>
    </xf>
    <xf numFmtId="0" fontId="49" fillId="31" borderId="69" xfId="116" applyFont="1" applyFill="1" applyBorder="1" applyAlignment="1">
      <alignment horizontal="center" vertical="center"/>
    </xf>
    <xf numFmtId="0" fontId="49" fillId="31" borderId="0" xfId="116" applyFont="1" applyFill="1" applyAlignment="1">
      <alignment horizontal="center" vertical="center"/>
    </xf>
    <xf numFmtId="0" fontId="49" fillId="31" borderId="0" xfId="116" applyFont="1" applyFill="1"/>
    <xf numFmtId="0" fontId="49" fillId="31" borderId="0" xfId="116" applyFont="1" applyFill="1" applyAlignment="1">
      <alignment horizontal="right"/>
    </xf>
    <xf numFmtId="38" fontId="49" fillId="31" borderId="0" xfId="98" applyFont="1" applyFill="1"/>
    <xf numFmtId="0" fontId="54" fillId="31" borderId="0" xfId="244" applyFont="1" applyFill="1"/>
    <xf numFmtId="221" fontId="54" fillId="31" borderId="0" xfId="244" applyNumberFormat="1" applyFont="1" applyFill="1"/>
    <xf numFmtId="0" fontId="54" fillId="31" borderId="0" xfId="244" applyFont="1" applyFill="1" applyAlignment="1">
      <alignment horizontal="center"/>
    </xf>
    <xf numFmtId="38" fontId="54" fillId="31" borderId="0" xfId="121" applyFont="1" applyFill="1"/>
    <xf numFmtId="0" fontId="93" fillId="31" borderId="0" xfId="243" applyFill="1">
      <alignment vertical="center"/>
    </xf>
    <xf numFmtId="0" fontId="54" fillId="31" borderId="89" xfId="244" applyFont="1" applyFill="1" applyBorder="1"/>
    <xf numFmtId="0" fontId="54" fillId="31" borderId="2" xfId="244" applyFont="1" applyFill="1" applyBorder="1"/>
    <xf numFmtId="0" fontId="99" fillId="31" borderId="34" xfId="244" applyFont="1" applyFill="1" applyBorder="1" applyAlignment="1">
      <alignment vertical="center" justifyLastLine="1"/>
    </xf>
    <xf numFmtId="0" fontId="0" fillId="31" borderId="34" xfId="244" applyFont="1" applyFill="1" applyBorder="1" applyAlignment="1">
      <alignment horizontal="left"/>
    </xf>
    <xf numFmtId="38" fontId="54" fillId="31" borderId="34" xfId="245" applyFont="1" applyFill="1" applyBorder="1" applyAlignment="1"/>
    <xf numFmtId="0" fontId="54" fillId="31" borderId="78" xfId="244" applyFont="1" applyFill="1" applyBorder="1"/>
    <xf numFmtId="0" fontId="54" fillId="31" borderId="96" xfId="244" applyFont="1" applyFill="1" applyBorder="1" applyAlignment="1">
      <alignment horizontal="distributed" vertical="center" justifyLastLine="1"/>
    </xf>
    <xf numFmtId="0" fontId="54" fillId="31" borderId="77" xfId="244" applyFont="1" applyFill="1" applyBorder="1" applyAlignment="1">
      <alignment horizontal="distributed" vertical="center" justifyLastLine="1"/>
    </xf>
    <xf numFmtId="0" fontId="54" fillId="31" borderId="5" xfId="244" applyFont="1" applyFill="1" applyBorder="1" applyAlignment="1">
      <alignment horizontal="distributed" vertical="center" justifyLastLine="1"/>
    </xf>
    <xf numFmtId="0" fontId="54" fillId="31" borderId="45" xfId="116" applyFont="1" applyFill="1" applyBorder="1" applyAlignment="1">
      <alignment horizontal="center" vertical="center"/>
    </xf>
    <xf numFmtId="38" fontId="54" fillId="31" borderId="5" xfId="98" applyFont="1" applyFill="1" applyBorder="1" applyAlignment="1">
      <alignment horizontal="center" vertical="center"/>
    </xf>
    <xf numFmtId="0" fontId="54" fillId="31" borderId="36" xfId="244" applyFont="1" applyFill="1" applyBorder="1"/>
    <xf numFmtId="0" fontId="8" fillId="31" borderId="17" xfId="244" applyFont="1" applyFill="1" applyBorder="1" applyAlignment="1">
      <alignment horizontal="distributed" shrinkToFit="1"/>
    </xf>
    <xf numFmtId="0" fontId="8" fillId="31" borderId="28" xfId="244" applyFont="1" applyFill="1" applyBorder="1" applyAlignment="1">
      <alignment horizontal="distributed" shrinkToFit="1"/>
    </xf>
    <xf numFmtId="0" fontId="8" fillId="31" borderId="28" xfId="244" applyFont="1" applyFill="1" applyBorder="1" applyAlignment="1">
      <alignment horizontal="distributed"/>
    </xf>
    <xf numFmtId="0" fontId="8" fillId="31" borderId="18" xfId="244" applyFont="1" applyFill="1" applyBorder="1" applyAlignment="1">
      <alignment horizontal="distributed"/>
    </xf>
    <xf numFmtId="0" fontId="8" fillId="31" borderId="18" xfId="244" applyFont="1" applyFill="1" applyBorder="1" applyAlignment="1">
      <alignment horizontal="center"/>
    </xf>
    <xf numFmtId="38" fontId="8" fillId="31" borderId="18" xfId="121" applyFont="1" applyFill="1" applyBorder="1"/>
    <xf numFmtId="180" fontId="8" fillId="31" borderId="18" xfId="245" applyNumberFormat="1" applyFont="1" applyFill="1" applyBorder="1"/>
    <xf numFmtId="0" fontId="7" fillId="31" borderId="90" xfId="244" applyFont="1" applyFill="1" applyBorder="1" applyAlignment="1">
      <alignment horizontal="center"/>
    </xf>
    <xf numFmtId="0" fontId="7" fillId="31" borderId="90" xfId="244" applyFont="1" applyFill="1" applyBorder="1"/>
    <xf numFmtId="0" fontId="54" fillId="31" borderId="29" xfId="244" applyFont="1" applyFill="1" applyBorder="1"/>
    <xf numFmtId="0" fontId="8" fillId="31" borderId="19" xfId="244" applyFont="1" applyFill="1" applyBorder="1" applyAlignment="1">
      <alignment horizontal="distributed" shrinkToFit="1"/>
    </xf>
    <xf numFmtId="0" fontId="8" fillId="31" borderId="24" xfId="244" applyFont="1" applyFill="1" applyBorder="1" applyAlignment="1">
      <alignment horizontal="distributed" shrinkToFit="1"/>
    </xf>
    <xf numFmtId="0" fontId="8" fillId="31" borderId="24" xfId="244" applyFont="1" applyFill="1" applyBorder="1" applyAlignment="1">
      <alignment horizontal="distributed"/>
    </xf>
    <xf numFmtId="0" fontId="8" fillId="31" borderId="20" xfId="244" applyFont="1" applyFill="1" applyBorder="1" applyAlignment="1">
      <alignment horizontal="distributed"/>
    </xf>
    <xf numFmtId="0" fontId="8" fillId="31" borderId="20" xfId="244" applyFont="1" applyFill="1" applyBorder="1" applyAlignment="1">
      <alignment horizontal="center"/>
    </xf>
    <xf numFmtId="38" fontId="8" fillId="31" borderId="20" xfId="121" applyFont="1" applyFill="1" applyBorder="1"/>
    <xf numFmtId="181" fontId="8" fillId="31" borderId="20" xfId="245" applyNumberFormat="1" applyFont="1" applyFill="1" applyBorder="1"/>
    <xf numFmtId="38" fontId="7" fillId="31" borderId="0" xfId="244" applyNumberFormat="1" applyFont="1" applyFill="1" applyAlignment="1">
      <alignment horizontal="center"/>
    </xf>
    <xf numFmtId="38" fontId="7" fillId="31" borderId="0" xfId="244" applyNumberFormat="1" applyFont="1" applyFill="1" applyAlignment="1">
      <alignment horizontal="left"/>
    </xf>
    <xf numFmtId="10" fontId="7" fillId="31" borderId="0" xfId="180" applyNumberFormat="1" applyFont="1" applyFill="1" applyBorder="1" applyAlignment="1">
      <alignment horizontal="left"/>
    </xf>
    <xf numFmtId="0" fontId="54" fillId="31" borderId="30" xfId="244" applyFont="1" applyFill="1" applyBorder="1"/>
    <xf numFmtId="0" fontId="8" fillId="31" borderId="21" xfId="244" applyFont="1" applyFill="1" applyBorder="1" applyAlignment="1">
      <alignment horizontal="left" shrinkToFit="1"/>
    </xf>
    <xf numFmtId="0" fontId="8" fillId="31" borderId="16" xfId="244" applyFont="1" applyFill="1" applyBorder="1" applyAlignment="1">
      <alignment horizontal="distributed" shrinkToFit="1"/>
    </xf>
    <xf numFmtId="0" fontId="8" fillId="31" borderId="16" xfId="244" applyFont="1" applyFill="1" applyBorder="1" applyAlignment="1">
      <alignment horizontal="distributed"/>
    </xf>
    <xf numFmtId="0" fontId="8" fillId="31" borderId="22" xfId="244" applyFont="1" applyFill="1" applyBorder="1" applyAlignment="1">
      <alignment horizontal="distributed"/>
    </xf>
    <xf numFmtId="0" fontId="8" fillId="31" borderId="22" xfId="244" applyFont="1" applyFill="1" applyBorder="1" applyAlignment="1">
      <alignment horizontal="center"/>
    </xf>
    <xf numFmtId="38" fontId="8" fillId="31" borderId="22" xfId="121" applyFont="1" applyFill="1" applyBorder="1"/>
    <xf numFmtId="182" fontId="8" fillId="31" borderId="22" xfId="245" applyNumberFormat="1" applyFont="1" applyFill="1" applyBorder="1"/>
    <xf numFmtId="10" fontId="7" fillId="31" borderId="25" xfId="180" applyNumberFormat="1" applyFont="1" applyFill="1" applyBorder="1" applyAlignment="1">
      <alignment horizontal="left"/>
    </xf>
    <xf numFmtId="0" fontId="54" fillId="31" borderId="31" xfId="244" applyFont="1" applyFill="1" applyBorder="1"/>
    <xf numFmtId="0" fontId="33" fillId="31" borderId="17" xfId="244" applyFill="1" applyBorder="1" applyAlignment="1">
      <alignment horizontal="distributed" shrinkToFit="1"/>
    </xf>
    <xf numFmtId="0" fontId="33" fillId="31" borderId="28" xfId="244" applyFill="1" applyBorder="1" applyAlignment="1">
      <alignment horizontal="left" shrinkToFit="1"/>
    </xf>
    <xf numFmtId="0" fontId="8" fillId="31" borderId="28" xfId="244" applyFont="1" applyFill="1" applyBorder="1" applyAlignment="1">
      <alignment horizontal="left"/>
    </xf>
    <xf numFmtId="0" fontId="8" fillId="31" borderId="18" xfId="244" applyFont="1" applyFill="1" applyBorder="1" applyAlignment="1">
      <alignment horizontal="left"/>
    </xf>
    <xf numFmtId="180" fontId="8" fillId="31" borderId="18" xfId="121" applyNumberFormat="1" applyFont="1" applyFill="1" applyBorder="1"/>
    <xf numFmtId="179" fontId="8" fillId="31" borderId="26" xfId="180" applyNumberFormat="1" applyFont="1" applyFill="1" applyBorder="1" applyAlignment="1">
      <alignment horizontal="center"/>
    </xf>
    <xf numFmtId="222" fontId="7" fillId="31" borderId="90" xfId="121" applyNumberFormat="1" applyFont="1" applyFill="1" applyBorder="1" applyAlignment="1">
      <alignment horizontal="center"/>
    </xf>
    <xf numFmtId="0" fontId="33" fillId="31" borderId="19" xfId="244" applyFill="1" applyBorder="1" applyAlignment="1">
      <alignment horizontal="distributed" shrinkToFit="1"/>
    </xf>
    <xf numFmtId="0" fontId="33" fillId="31" borderId="24" xfId="244" applyFill="1" applyBorder="1" applyAlignment="1">
      <alignment horizontal="left" shrinkToFit="1"/>
    </xf>
    <xf numFmtId="0" fontId="8" fillId="31" borderId="24" xfId="244" applyFont="1" applyFill="1" applyBorder="1" applyAlignment="1">
      <alignment horizontal="left"/>
    </xf>
    <xf numFmtId="0" fontId="8" fillId="31" borderId="20" xfId="244" applyFont="1" applyFill="1" applyBorder="1" applyAlignment="1">
      <alignment horizontal="left"/>
    </xf>
    <xf numFmtId="180" fontId="8" fillId="31" borderId="20" xfId="121" applyNumberFormat="1" applyFont="1" applyFill="1" applyBorder="1"/>
    <xf numFmtId="179" fontId="8" fillId="31" borderId="23" xfId="180" applyNumberFormat="1" applyFont="1" applyFill="1" applyBorder="1" applyAlignment="1">
      <alignment horizontal="center"/>
    </xf>
    <xf numFmtId="222" fontId="7" fillId="31" borderId="0" xfId="121" applyNumberFormat="1" applyFont="1" applyFill="1" applyBorder="1" applyAlignment="1">
      <alignment horizontal="center"/>
    </xf>
    <xf numFmtId="0" fontId="7" fillId="31" borderId="0" xfId="244" applyFont="1" applyFill="1"/>
    <xf numFmtId="0" fontId="33" fillId="31" borderId="16" xfId="244" applyFill="1" applyBorder="1" applyAlignment="1">
      <alignment horizontal="left" shrinkToFit="1"/>
    </xf>
    <xf numFmtId="0" fontId="8" fillId="31" borderId="16" xfId="244" applyFont="1" applyFill="1" applyBorder="1" applyAlignment="1">
      <alignment horizontal="left"/>
    </xf>
    <xf numFmtId="0" fontId="8" fillId="31" borderId="22" xfId="244" applyFont="1" applyFill="1" applyBorder="1" applyAlignment="1">
      <alignment horizontal="left"/>
    </xf>
    <xf numFmtId="222" fontId="7" fillId="31" borderId="25" xfId="121" applyNumberFormat="1" applyFont="1" applyFill="1" applyBorder="1" applyAlignment="1">
      <alignment horizontal="center"/>
    </xf>
    <xf numFmtId="0" fontId="7" fillId="31" borderId="25" xfId="244" applyFont="1" applyFill="1" applyBorder="1"/>
    <xf numFmtId="182" fontId="8" fillId="31" borderId="20" xfId="245" applyNumberFormat="1" applyFont="1" applyFill="1" applyBorder="1"/>
    <xf numFmtId="38" fontId="7" fillId="31" borderId="23" xfId="245" applyFont="1" applyFill="1" applyBorder="1"/>
    <xf numFmtId="0" fontId="8" fillId="31" borderId="19" xfId="244" applyFont="1" applyFill="1" applyBorder="1" applyAlignment="1">
      <alignment horizontal="left" shrinkToFit="1"/>
    </xf>
    <xf numFmtId="0" fontId="8" fillId="31" borderId="24" xfId="244" applyFont="1" applyFill="1" applyBorder="1" applyAlignment="1">
      <alignment horizontal="left" shrinkToFit="1"/>
    </xf>
    <xf numFmtId="0" fontId="33" fillId="31" borderId="18" xfId="244" applyFill="1" applyBorder="1" applyAlignment="1">
      <alignment horizontal="distributed"/>
    </xf>
    <xf numFmtId="221" fontId="8" fillId="31" borderId="18" xfId="245" applyNumberFormat="1" applyFont="1" applyFill="1" applyBorder="1"/>
    <xf numFmtId="38" fontId="8" fillId="31" borderId="26" xfId="245" applyFont="1" applyFill="1" applyBorder="1"/>
    <xf numFmtId="38" fontId="8" fillId="31" borderId="90" xfId="245" applyFont="1" applyFill="1" applyBorder="1"/>
    <xf numFmtId="0" fontId="8" fillId="31" borderId="90" xfId="244" applyFont="1" applyFill="1" applyBorder="1"/>
    <xf numFmtId="0" fontId="8" fillId="31" borderId="29" xfId="244" applyFont="1" applyFill="1" applyBorder="1"/>
    <xf numFmtId="221" fontId="8" fillId="31" borderId="20" xfId="245" applyNumberFormat="1" applyFont="1" applyFill="1" applyBorder="1"/>
    <xf numFmtId="38" fontId="8" fillId="31" borderId="0" xfId="244" applyNumberFormat="1" applyFont="1" applyFill="1" applyAlignment="1">
      <alignment horizontal="center"/>
    </xf>
    <xf numFmtId="10" fontId="8" fillId="31" borderId="0" xfId="180" quotePrefix="1" applyNumberFormat="1" applyFont="1" applyFill="1" applyBorder="1" applyAlignment="1">
      <alignment horizontal="left"/>
    </xf>
    <xf numFmtId="0" fontId="8" fillId="31" borderId="22" xfId="244" applyFont="1" applyFill="1" applyBorder="1" applyAlignment="1">
      <alignment horizontal="left" shrinkToFit="1"/>
    </xf>
    <xf numFmtId="221" fontId="8" fillId="31" borderId="22" xfId="245" applyNumberFormat="1" applyFont="1" applyFill="1" applyBorder="1"/>
    <xf numFmtId="223" fontId="0" fillId="31" borderId="26" xfId="180" applyNumberFormat="1" applyFont="1" applyFill="1" applyBorder="1"/>
    <xf numFmtId="38" fontId="7" fillId="31" borderId="90" xfId="245" applyFont="1" applyFill="1" applyBorder="1"/>
    <xf numFmtId="224" fontId="8" fillId="31" borderId="20" xfId="245" applyNumberFormat="1" applyFont="1" applyFill="1" applyBorder="1"/>
    <xf numFmtId="38" fontId="8" fillId="31" borderId="23" xfId="245" applyFont="1" applyFill="1" applyBorder="1" applyAlignment="1"/>
    <xf numFmtId="0" fontId="8" fillId="31" borderId="30" xfId="244" applyFont="1" applyFill="1" applyBorder="1" applyAlignment="1">
      <alignment horizontal="center"/>
    </xf>
    <xf numFmtId="225" fontId="8" fillId="31" borderId="15" xfId="245" applyNumberFormat="1" applyFont="1" applyFill="1" applyBorder="1" applyAlignment="1"/>
    <xf numFmtId="40" fontId="8" fillId="31" borderId="25" xfId="245" applyNumberFormat="1" applyFont="1" applyFill="1" applyBorder="1" applyAlignment="1">
      <alignment horizontal="center"/>
    </xf>
    <xf numFmtId="226" fontId="8" fillId="31" borderId="25" xfId="244" applyNumberFormat="1" applyFont="1" applyFill="1" applyBorder="1" applyAlignment="1">
      <alignment horizontal="right"/>
    </xf>
    <xf numFmtId="9" fontId="8" fillId="31" borderId="31" xfId="89" applyFont="1" applyFill="1" applyBorder="1" applyAlignment="1">
      <alignment horizontal="left"/>
    </xf>
    <xf numFmtId="38" fontId="8" fillId="31" borderId="18" xfId="245" applyFont="1" applyFill="1" applyBorder="1"/>
    <xf numFmtId="210" fontId="8" fillId="31" borderId="23" xfId="245" applyNumberFormat="1" applyFont="1" applyFill="1" applyBorder="1" applyAlignment="1">
      <alignment horizontal="right"/>
    </xf>
    <xf numFmtId="38" fontId="8" fillId="31" borderId="0" xfId="245" applyFont="1" applyFill="1" applyBorder="1" applyAlignment="1">
      <alignment horizontal="center"/>
    </xf>
    <xf numFmtId="0" fontId="8" fillId="31" borderId="30" xfId="244" applyFont="1" applyFill="1" applyBorder="1"/>
    <xf numFmtId="0" fontId="8" fillId="31" borderId="97" xfId="244" applyFont="1" applyFill="1" applyBorder="1" applyAlignment="1">
      <alignment horizontal="left" shrinkToFit="1"/>
    </xf>
    <xf numFmtId="227" fontId="8" fillId="31" borderId="15" xfId="245" applyNumberFormat="1" applyFont="1" applyFill="1" applyBorder="1" applyAlignment="1">
      <alignment horizontal="right"/>
    </xf>
    <xf numFmtId="227" fontId="8" fillId="31" borderId="25" xfId="245" applyNumberFormat="1" applyFont="1" applyFill="1" applyBorder="1" applyAlignment="1">
      <alignment horizontal="center"/>
    </xf>
    <xf numFmtId="221" fontId="8" fillId="31" borderId="25" xfId="244" applyNumberFormat="1" applyFont="1" applyFill="1" applyBorder="1"/>
    <xf numFmtId="0" fontId="8" fillId="31" borderId="31" xfId="244" applyFont="1" applyFill="1" applyBorder="1"/>
    <xf numFmtId="0" fontId="33" fillId="31" borderId="24" xfId="244" applyFill="1" applyBorder="1" applyAlignment="1">
      <alignment horizontal="distributed"/>
    </xf>
    <xf numFmtId="38" fontId="8" fillId="31" borderId="90" xfId="121" applyFont="1" applyFill="1" applyBorder="1"/>
    <xf numFmtId="38" fontId="8" fillId="31" borderId="23" xfId="121" applyFont="1" applyFill="1" applyBorder="1" applyAlignment="1">
      <alignment horizontal="center"/>
    </xf>
    <xf numFmtId="38" fontId="8" fillId="31" borderId="0" xfId="121" applyFont="1" applyFill="1" applyBorder="1" applyAlignment="1">
      <alignment horizontal="right"/>
    </xf>
    <xf numFmtId="0" fontId="8" fillId="31" borderId="0" xfId="244" applyFont="1" applyFill="1"/>
    <xf numFmtId="179" fontId="8" fillId="31" borderId="15" xfId="180" applyNumberFormat="1" applyFont="1" applyFill="1" applyBorder="1" applyAlignment="1">
      <alignment horizontal="center"/>
    </xf>
    <xf numFmtId="38" fontId="8" fillId="31" borderId="23" xfId="245" applyFont="1" applyFill="1" applyBorder="1" applyAlignment="1">
      <alignment horizontal="right"/>
    </xf>
    <xf numFmtId="0" fontId="8" fillId="31" borderId="0" xfId="244" applyFont="1" applyFill="1" applyAlignment="1">
      <alignment horizontal="left"/>
    </xf>
    <xf numFmtId="0" fontId="8" fillId="31" borderId="16" xfId="244" applyFont="1" applyFill="1" applyBorder="1" applyAlignment="1">
      <alignment horizontal="left" shrinkToFit="1"/>
    </xf>
    <xf numFmtId="38" fontId="8" fillId="31" borderId="25" xfId="245" applyFont="1" applyFill="1" applyBorder="1" applyAlignment="1">
      <alignment horizontal="center"/>
    </xf>
    <xf numFmtId="0" fontId="8" fillId="31" borderId="25" xfId="244" applyFont="1" applyFill="1" applyBorder="1"/>
    <xf numFmtId="228" fontId="54" fillId="31" borderId="0" xfId="244" applyNumberFormat="1" applyFont="1" applyFill="1" applyAlignment="1">
      <alignment horizontal="center"/>
    </xf>
    <xf numFmtId="223" fontId="8" fillId="31" borderId="26" xfId="180" applyNumberFormat="1" applyFont="1" applyFill="1" applyBorder="1"/>
    <xf numFmtId="38" fontId="7" fillId="31" borderId="26" xfId="245" applyFont="1" applyFill="1" applyBorder="1"/>
    <xf numFmtId="38" fontId="49" fillId="31" borderId="23" xfId="245" applyFont="1" applyFill="1" applyBorder="1" applyAlignment="1">
      <alignment horizontal="left"/>
    </xf>
    <xf numFmtId="38" fontId="49" fillId="31" borderId="0" xfId="244" applyNumberFormat="1" applyFont="1" applyFill="1" applyAlignment="1">
      <alignment horizontal="center"/>
    </xf>
    <xf numFmtId="10" fontId="49" fillId="31" borderId="0" xfId="180" quotePrefix="1" applyNumberFormat="1" applyFont="1" applyFill="1" applyBorder="1" applyAlignment="1">
      <alignment horizontal="left"/>
    </xf>
    <xf numFmtId="0" fontId="8" fillId="31" borderId="21" xfId="244" applyFont="1" applyFill="1" applyBorder="1" applyAlignment="1">
      <alignment horizontal="distributed" shrinkToFit="1"/>
    </xf>
    <xf numFmtId="38" fontId="0" fillId="31" borderId="15" xfId="245" applyFont="1" applyFill="1" applyBorder="1"/>
    <xf numFmtId="40" fontId="7" fillId="31" borderId="25" xfId="245" applyNumberFormat="1" applyFont="1" applyFill="1" applyBorder="1" applyAlignment="1">
      <alignment horizontal="center"/>
    </xf>
    <xf numFmtId="226" fontId="7" fillId="31" borderId="25" xfId="244" applyNumberFormat="1" applyFont="1" applyFill="1" applyBorder="1" applyAlignment="1">
      <alignment horizontal="center"/>
    </xf>
    <xf numFmtId="0" fontId="33" fillId="31" borderId="17" xfId="244" applyFill="1" applyBorder="1" applyAlignment="1">
      <alignment horizontal="distributed"/>
    </xf>
    <xf numFmtId="0" fontId="33" fillId="31" borderId="28" xfId="244" applyFill="1" applyBorder="1" applyAlignment="1">
      <alignment horizontal="distributed"/>
    </xf>
    <xf numFmtId="38" fontId="8" fillId="31" borderId="23" xfId="121" applyFont="1" applyFill="1" applyBorder="1"/>
    <xf numFmtId="0" fontId="33" fillId="31" borderId="16" xfId="244" applyFill="1" applyBorder="1" applyAlignment="1">
      <alignment horizontal="left"/>
    </xf>
    <xf numFmtId="222" fontId="8" fillId="31" borderId="25" xfId="121" applyNumberFormat="1" applyFont="1" applyFill="1" applyBorder="1" applyAlignment="1">
      <alignment horizontal="center"/>
    </xf>
    <xf numFmtId="0" fontId="33" fillId="31" borderId="24" xfId="244" applyFill="1" applyBorder="1" applyAlignment="1">
      <alignment horizontal="distributed" shrinkToFit="1"/>
    </xf>
    <xf numFmtId="38" fontId="8" fillId="31" borderId="0" xfId="121" applyFont="1" applyFill="1" applyBorder="1"/>
    <xf numFmtId="221" fontId="8" fillId="31" borderId="20" xfId="121" applyNumberFormat="1" applyFont="1" applyFill="1" applyBorder="1"/>
    <xf numFmtId="38" fontId="8" fillId="31" borderId="23" xfId="121" applyFont="1" applyFill="1" applyBorder="1" applyAlignment="1">
      <alignment horizontal="right"/>
    </xf>
    <xf numFmtId="221" fontId="8" fillId="31" borderId="22" xfId="121" applyNumberFormat="1" applyFont="1" applyFill="1" applyBorder="1"/>
    <xf numFmtId="38" fontId="8" fillId="31" borderId="26" xfId="121" applyFont="1" applyFill="1" applyBorder="1"/>
    <xf numFmtId="38" fontId="8" fillId="31" borderId="90" xfId="244" applyNumberFormat="1" applyFont="1" applyFill="1" applyBorder="1" applyAlignment="1">
      <alignment horizontal="left"/>
    </xf>
    <xf numFmtId="38" fontId="8" fillId="31" borderId="23" xfId="121" applyFont="1" applyFill="1" applyBorder="1" applyAlignment="1">
      <alignment horizontal="left"/>
    </xf>
    <xf numFmtId="38" fontId="8" fillId="31" borderId="15" xfId="121" quotePrefix="1" applyFont="1" applyFill="1" applyBorder="1" applyAlignment="1">
      <alignment horizontal="right"/>
    </xf>
    <xf numFmtId="230" fontId="93" fillId="31" borderId="0" xfId="243" applyNumberFormat="1" applyFill="1">
      <alignment vertical="center"/>
    </xf>
    <xf numFmtId="0" fontId="8" fillId="31" borderId="70" xfId="244" applyFont="1" applyFill="1" applyBorder="1" applyAlignment="1">
      <alignment horizontal="distributed" shrinkToFit="1"/>
    </xf>
    <xf numFmtId="0" fontId="8" fillId="31" borderId="98" xfId="244" applyFont="1" applyFill="1" applyBorder="1" applyAlignment="1">
      <alignment horizontal="distributed" shrinkToFit="1"/>
    </xf>
    <xf numFmtId="0" fontId="8" fillId="31" borderId="98" xfId="244" applyFont="1" applyFill="1" applyBorder="1" applyAlignment="1">
      <alignment horizontal="distributed"/>
    </xf>
    <xf numFmtId="0" fontId="8" fillId="31" borderId="71" xfId="244" applyFont="1" applyFill="1" applyBorder="1" applyAlignment="1">
      <alignment horizontal="distributed"/>
    </xf>
    <xf numFmtId="0" fontId="8" fillId="31" borderId="71" xfId="244" applyFont="1" applyFill="1" applyBorder="1" applyAlignment="1">
      <alignment horizontal="center"/>
    </xf>
    <xf numFmtId="227" fontId="8" fillId="31" borderId="99" xfId="121" applyNumberFormat="1" applyFont="1" applyFill="1" applyBorder="1" applyAlignment="1">
      <alignment horizontal="right"/>
    </xf>
    <xf numFmtId="38" fontId="8" fillId="31" borderId="32" xfId="121" applyFont="1" applyFill="1" applyBorder="1"/>
    <xf numFmtId="0" fontId="8" fillId="31" borderId="32" xfId="244" applyFont="1" applyFill="1" applyBorder="1" applyAlignment="1">
      <alignment horizontal="left"/>
    </xf>
    <xf numFmtId="0" fontId="8" fillId="31" borderId="33" xfId="244" applyFont="1" applyFill="1" applyBorder="1"/>
    <xf numFmtId="179" fontId="8" fillId="31" borderId="20" xfId="121" applyNumberFormat="1" applyFont="1" applyFill="1" applyBorder="1"/>
    <xf numFmtId="179" fontId="8" fillId="31" borderId="18" xfId="121" applyNumberFormat="1" applyFont="1" applyFill="1" applyBorder="1"/>
    <xf numFmtId="179" fontId="8" fillId="31" borderId="22" xfId="121" applyNumberFormat="1" applyFont="1" applyFill="1" applyBorder="1"/>
    <xf numFmtId="38" fontId="8" fillId="31" borderId="15" xfId="245" applyFont="1" applyFill="1" applyBorder="1" applyAlignment="1">
      <alignment horizontal="center"/>
    </xf>
    <xf numFmtId="222" fontId="8" fillId="31" borderId="100" xfId="121" applyNumberFormat="1" applyFont="1" applyFill="1" applyBorder="1" applyAlignment="1">
      <alignment horizontal="center"/>
    </xf>
    <xf numFmtId="0" fontId="8" fillId="31" borderId="100" xfId="244" applyFont="1" applyFill="1" applyBorder="1"/>
    <xf numFmtId="229" fontId="8" fillId="31" borderId="100" xfId="121" quotePrefix="1" applyNumberFormat="1" applyFont="1" applyFill="1" applyBorder="1" applyAlignment="1">
      <alignment horizontal="left"/>
    </xf>
    <xf numFmtId="20" fontId="93" fillId="31" borderId="0" xfId="243" applyNumberFormat="1" applyFill="1">
      <alignment vertical="center"/>
    </xf>
    <xf numFmtId="0" fontId="49" fillId="31" borderId="47" xfId="116" applyFont="1" applyFill="1" applyBorder="1" applyAlignment="1" applyProtection="1">
      <alignment vertical="center"/>
      <protection locked="0"/>
    </xf>
    <xf numFmtId="0" fontId="49" fillId="31" borderId="48" xfId="116" applyFont="1" applyFill="1" applyBorder="1" applyAlignment="1" applyProtection="1">
      <alignment vertical="center"/>
      <protection locked="0"/>
    </xf>
    <xf numFmtId="0" fontId="49" fillId="31" borderId="48" xfId="116" applyFont="1" applyFill="1" applyBorder="1" applyAlignment="1" applyProtection="1">
      <alignment horizontal="center" vertical="center"/>
      <protection locked="0"/>
    </xf>
    <xf numFmtId="0" fontId="49" fillId="31" borderId="48" xfId="116" applyFont="1" applyFill="1" applyBorder="1" applyAlignment="1" applyProtection="1">
      <alignment horizontal="right" vertical="center"/>
      <protection locked="0"/>
    </xf>
    <xf numFmtId="38" fontId="49" fillId="31" borderId="48" xfId="98" applyFont="1" applyFill="1" applyBorder="1" applyAlignment="1" applyProtection="1">
      <alignment horizontal="right" vertical="center"/>
      <protection locked="0"/>
    </xf>
    <xf numFmtId="180" fontId="49" fillId="31" borderId="48" xfId="98" applyNumberFormat="1" applyFont="1" applyFill="1" applyBorder="1" applyAlignment="1" applyProtection="1">
      <alignment horizontal="right" vertical="center"/>
      <protection locked="0"/>
    </xf>
    <xf numFmtId="0" fontId="49" fillId="31" borderId="49" xfId="116" applyFont="1" applyFill="1" applyBorder="1" applyAlignment="1" applyProtection="1">
      <alignment horizontal="center" vertical="center"/>
      <protection locked="0"/>
    </xf>
    <xf numFmtId="0" fontId="49" fillId="31" borderId="50" xfId="116" applyFont="1" applyFill="1" applyBorder="1" applyAlignment="1" applyProtection="1">
      <alignment vertical="center"/>
      <protection locked="0"/>
    </xf>
    <xf numFmtId="0" fontId="49" fillId="31" borderId="51" xfId="116" applyFont="1" applyFill="1" applyBorder="1" applyAlignment="1" applyProtection="1">
      <alignment vertical="center"/>
      <protection locked="0"/>
    </xf>
    <xf numFmtId="0" fontId="49" fillId="31" borderId="51" xfId="116" applyFont="1" applyFill="1" applyBorder="1" applyAlignment="1" applyProtection="1">
      <alignment horizontal="center" vertical="center"/>
      <protection locked="0"/>
    </xf>
    <xf numFmtId="0" fontId="49" fillId="31" borderId="51" xfId="116" applyFont="1" applyFill="1" applyBorder="1" applyAlignment="1" applyProtection="1">
      <alignment horizontal="right" vertical="center"/>
      <protection locked="0"/>
    </xf>
    <xf numFmtId="38" fontId="49" fillId="31" borderId="51" xfId="98" applyFont="1" applyFill="1" applyBorder="1" applyAlignment="1" applyProtection="1">
      <alignment horizontal="right" vertical="center"/>
      <protection locked="0"/>
    </xf>
    <xf numFmtId="181" fontId="49" fillId="31" borderId="51" xfId="98" applyNumberFormat="1" applyFont="1" applyFill="1" applyBorder="1" applyAlignment="1" applyProtection="1">
      <alignment horizontal="right" vertical="center"/>
      <protection locked="0"/>
    </xf>
    <xf numFmtId="0" fontId="49" fillId="31" borderId="52" xfId="116" applyFont="1" applyFill="1" applyBorder="1" applyAlignment="1" applyProtection="1">
      <alignment horizontal="center" vertical="center"/>
      <protection locked="0"/>
    </xf>
    <xf numFmtId="0" fontId="49" fillId="31" borderId="53" xfId="116" applyFont="1" applyFill="1" applyBorder="1" applyAlignment="1" applyProtection="1">
      <alignment horizontal="center"/>
      <protection locked="0"/>
    </xf>
    <xf numFmtId="0" fontId="49" fillId="31" borderId="54" xfId="116" applyFont="1" applyFill="1" applyBorder="1" applyProtection="1">
      <protection locked="0"/>
    </xf>
    <xf numFmtId="0" fontId="49" fillId="31" borderId="54" xfId="116" applyFont="1" applyFill="1" applyBorder="1" applyAlignment="1" applyProtection="1">
      <alignment horizontal="center"/>
      <protection locked="0"/>
    </xf>
    <xf numFmtId="0" fontId="49" fillId="31" borderId="54" xfId="116" applyFont="1" applyFill="1" applyBorder="1" applyAlignment="1" applyProtection="1">
      <alignment horizontal="right"/>
      <protection locked="0"/>
    </xf>
    <xf numFmtId="38" fontId="49" fillId="31" borderId="54" xfId="98" applyFont="1" applyFill="1" applyBorder="1" applyAlignment="1" applyProtection="1">
      <alignment horizontal="right"/>
      <protection locked="0"/>
    </xf>
    <xf numFmtId="182" fontId="49" fillId="31" borderId="54" xfId="98" applyNumberFormat="1" applyFont="1" applyFill="1" applyBorder="1" applyProtection="1">
      <protection locked="0"/>
    </xf>
    <xf numFmtId="0" fontId="49" fillId="31" borderId="37" xfId="116" applyFont="1" applyFill="1" applyBorder="1" applyProtection="1">
      <protection locked="0"/>
    </xf>
    <xf numFmtId="0" fontId="49" fillId="31" borderId="55" xfId="116" applyFont="1" applyFill="1" applyBorder="1" applyAlignment="1" applyProtection="1">
      <alignment vertical="center"/>
      <protection locked="0"/>
    </xf>
    <xf numFmtId="0" fontId="49" fillId="31" borderId="23" xfId="116" applyFont="1" applyFill="1" applyBorder="1" applyAlignment="1" applyProtection="1">
      <alignment vertical="center"/>
      <protection locked="0"/>
    </xf>
    <xf numFmtId="0" fontId="49" fillId="31" borderId="53" xfId="116" applyFont="1" applyFill="1" applyBorder="1" applyProtection="1">
      <protection locked="0"/>
    </xf>
    <xf numFmtId="179" fontId="49" fillId="31" borderId="54" xfId="98" applyNumberFormat="1" applyFont="1" applyFill="1" applyBorder="1" applyAlignment="1" applyProtection="1">
      <alignment horizontal="right"/>
      <protection locked="0"/>
    </xf>
    <xf numFmtId="41" fontId="49" fillId="31" borderId="54" xfId="98" applyNumberFormat="1" applyFont="1" applyFill="1" applyBorder="1" applyProtection="1">
      <protection locked="0"/>
    </xf>
    <xf numFmtId="0" fontId="49" fillId="31" borderId="37" xfId="116" applyFont="1" applyFill="1" applyBorder="1" applyAlignment="1" applyProtection="1">
      <alignment horizontal="center"/>
      <protection locked="0"/>
    </xf>
    <xf numFmtId="41" fontId="49" fillId="31" borderId="48" xfId="98" applyNumberFormat="1" applyFont="1" applyFill="1" applyBorder="1" applyAlignment="1" applyProtection="1">
      <alignment horizontal="right" vertical="center"/>
      <protection locked="0"/>
    </xf>
    <xf numFmtId="41" fontId="49" fillId="31" borderId="51" xfId="98" applyNumberFormat="1" applyFont="1" applyFill="1" applyBorder="1" applyAlignment="1" applyProtection="1">
      <alignment horizontal="right" vertical="center"/>
      <protection locked="0"/>
    </xf>
    <xf numFmtId="41" fontId="49" fillId="31" borderId="0" xfId="98" applyNumberFormat="1" applyFont="1" applyFill="1"/>
    <xf numFmtId="0" fontId="49" fillId="31" borderId="53" xfId="116" applyFont="1" applyFill="1" applyBorder="1" applyAlignment="1" applyProtection="1">
      <alignment horizontal="right"/>
      <protection locked="0"/>
    </xf>
    <xf numFmtId="0" fontId="49" fillId="31" borderId="52" xfId="116" applyFont="1" applyFill="1" applyBorder="1" applyAlignment="1" applyProtection="1">
      <alignment horizontal="left" vertical="center"/>
      <protection locked="0"/>
    </xf>
    <xf numFmtId="0" fontId="49" fillId="31" borderId="37" xfId="116" applyFont="1" applyFill="1" applyBorder="1" applyAlignment="1" applyProtection="1">
      <alignment horizontal="left"/>
      <protection locked="0"/>
    </xf>
    <xf numFmtId="0" fontId="49" fillId="31" borderId="50" xfId="116" applyFont="1" applyFill="1" applyBorder="1" applyProtection="1">
      <protection locked="0"/>
    </xf>
    <xf numFmtId="0" fontId="49" fillId="31" borderId="50" xfId="116" applyFont="1" applyFill="1" applyBorder="1" applyAlignment="1" applyProtection="1">
      <alignment horizontal="center"/>
      <protection locked="0"/>
    </xf>
    <xf numFmtId="0" fontId="49" fillId="31" borderId="52" xfId="116" applyFont="1" applyFill="1" applyBorder="1" applyAlignment="1" applyProtection="1">
      <alignment vertical="center"/>
      <protection locked="0"/>
    </xf>
    <xf numFmtId="184" fontId="49" fillId="31" borderId="54" xfId="98" applyNumberFormat="1" applyFont="1" applyFill="1" applyBorder="1" applyProtection="1">
      <protection locked="0"/>
    </xf>
    <xf numFmtId="0" fontId="49" fillId="31" borderId="59" xfId="116" applyFont="1" applyFill="1" applyBorder="1" applyProtection="1">
      <protection locked="0"/>
    </xf>
    <xf numFmtId="0" fontId="49" fillId="31" borderId="60" xfId="116" applyFont="1" applyFill="1" applyBorder="1" applyProtection="1">
      <protection locked="0"/>
    </xf>
    <xf numFmtId="0" fontId="49" fillId="31" borderId="60" xfId="116" applyFont="1" applyFill="1" applyBorder="1" applyAlignment="1" applyProtection="1">
      <alignment horizontal="center"/>
      <protection locked="0"/>
    </xf>
    <xf numFmtId="0" fontId="49" fillId="31" borderId="60" xfId="116" applyFont="1" applyFill="1" applyBorder="1" applyAlignment="1" applyProtection="1">
      <alignment horizontal="right"/>
      <protection locked="0"/>
    </xf>
    <xf numFmtId="38" fontId="49" fillId="31" borderId="60" xfId="98" applyFont="1" applyFill="1" applyBorder="1" applyAlignment="1" applyProtection="1">
      <alignment horizontal="right"/>
      <protection locked="0"/>
    </xf>
    <xf numFmtId="9" fontId="49" fillId="31" borderId="61" xfId="116" applyNumberFormat="1" applyFont="1" applyFill="1" applyBorder="1" applyAlignment="1" applyProtection="1">
      <alignment horizontal="center"/>
      <protection locked="0"/>
    </xf>
    <xf numFmtId="0" fontId="49" fillId="31" borderId="49" xfId="116" applyFont="1" applyFill="1" applyBorder="1" applyAlignment="1" applyProtection="1">
      <alignment horizontal="left" vertical="center"/>
      <protection locked="0"/>
    </xf>
    <xf numFmtId="200" fontId="49" fillId="31" borderId="54" xfId="98" applyNumberFormat="1" applyFont="1" applyFill="1" applyBorder="1" applyProtection="1">
      <protection locked="0"/>
    </xf>
    <xf numFmtId="9" fontId="49" fillId="31" borderId="37" xfId="116" applyNumberFormat="1" applyFont="1" applyFill="1" applyBorder="1" applyAlignment="1" applyProtection="1">
      <alignment horizontal="center"/>
      <protection locked="0"/>
    </xf>
    <xf numFmtId="179" fontId="101" fillId="31" borderId="54" xfId="98" applyNumberFormat="1" applyFont="1" applyFill="1" applyBorder="1" applyAlignment="1" applyProtection="1">
      <alignment horizontal="right"/>
      <protection locked="0"/>
    </xf>
    <xf numFmtId="0" fontId="49" fillId="31" borderId="100" xfId="116" applyFont="1" applyFill="1" applyBorder="1"/>
    <xf numFmtId="182" fontId="49" fillId="31" borderId="60" xfId="98" applyNumberFormat="1" applyFont="1" applyFill="1" applyBorder="1" applyProtection="1">
      <protection locked="0"/>
    </xf>
    <xf numFmtId="231" fontId="7" fillId="0" borderId="38" xfId="98" applyNumberFormat="1" applyBorder="1" applyAlignment="1">
      <alignment horizontal="center"/>
    </xf>
    <xf numFmtId="232" fontId="7" fillId="0" borderId="39" xfId="98" applyNumberFormat="1" applyBorder="1" applyAlignment="1"/>
    <xf numFmtId="0" fontId="0" fillId="0" borderId="73" xfId="0" applyBorder="1" applyAlignment="1">
      <alignment horizontal="center" wrapText="1"/>
    </xf>
    <xf numFmtId="184" fontId="49" fillId="31" borderId="60" xfId="98" applyNumberFormat="1" applyFont="1" applyFill="1" applyBorder="1" applyProtection="1">
      <protection locked="0"/>
    </xf>
    <xf numFmtId="0" fontId="49" fillId="31" borderId="61" xfId="116" applyFont="1" applyFill="1" applyBorder="1" applyProtection="1">
      <protection locked="0"/>
    </xf>
    <xf numFmtId="206" fontId="0" fillId="0" borderId="76" xfId="98" applyNumberFormat="1" applyFont="1" applyBorder="1" applyAlignment="1">
      <alignment horizontal="center" wrapText="1"/>
    </xf>
    <xf numFmtId="207" fontId="52" fillId="0" borderId="54" xfId="0" applyNumberFormat="1" applyFont="1" applyBorder="1" applyAlignment="1">
      <alignment horizontal="center"/>
    </xf>
    <xf numFmtId="0" fontId="52" fillId="0" borderId="37" xfId="98" applyNumberFormat="1" applyFont="1" applyBorder="1" applyAlignment="1">
      <alignment horizontal="center"/>
    </xf>
    <xf numFmtId="206" fontId="0" fillId="0" borderId="48" xfId="98" applyNumberFormat="1" applyFont="1" applyBorder="1" applyAlignment="1">
      <alignment horizontal="center" wrapText="1"/>
    </xf>
    <xf numFmtId="207" fontId="0" fillId="0" borderId="0" xfId="0" applyNumberFormat="1"/>
    <xf numFmtId="207" fontId="51" fillId="0" borderId="48" xfId="98" applyNumberFormat="1" applyFont="1" applyBorder="1" applyAlignment="1">
      <alignment horizontal="center"/>
    </xf>
    <xf numFmtId="208" fontId="7" fillId="0" borderId="49" xfId="98" applyNumberFormat="1" applyBorder="1" applyAlignment="1"/>
    <xf numFmtId="0" fontId="33" fillId="31" borderId="22" xfId="244" applyFill="1" applyBorder="1" applyAlignment="1">
      <alignment horizontal="distributed"/>
    </xf>
    <xf numFmtId="210" fontId="8" fillId="31" borderId="0" xfId="244" applyNumberFormat="1" applyFont="1" applyFill="1" applyAlignment="1">
      <alignment horizontal="left"/>
    </xf>
    <xf numFmtId="221" fontId="8" fillId="31" borderId="71" xfId="121" applyNumberFormat="1" applyFont="1" applyFill="1" applyBorder="1"/>
    <xf numFmtId="2" fontId="54" fillId="31" borderId="0" xfId="244" applyNumberFormat="1" applyFont="1" applyFill="1"/>
    <xf numFmtId="0" fontId="35" fillId="0" borderId="26" xfId="243" applyFont="1" applyBorder="1" applyAlignment="1">
      <alignment horizontal="center" vertical="center"/>
    </xf>
    <xf numFmtId="0" fontId="35" fillId="0" borderId="90" xfId="243" applyFont="1" applyBorder="1" applyAlignment="1">
      <alignment horizontal="center" vertical="center"/>
    </xf>
    <xf numFmtId="0" fontId="35" fillId="0" borderId="91" xfId="243" applyFont="1" applyBorder="1" applyAlignment="1">
      <alignment horizontal="center" vertical="center"/>
    </xf>
    <xf numFmtId="0" fontId="35" fillId="0" borderId="1" xfId="243" applyFont="1" applyBorder="1" applyAlignment="1">
      <alignment horizontal="center" vertical="center"/>
    </xf>
    <xf numFmtId="0" fontId="35" fillId="0" borderId="80" xfId="243" applyFont="1" applyBorder="1" applyAlignment="1">
      <alignment horizontal="center" vertical="center"/>
    </xf>
    <xf numFmtId="0" fontId="35" fillId="0" borderId="76" xfId="243" applyFont="1" applyBorder="1" applyAlignment="1">
      <alignment horizontal="center" vertical="center"/>
    </xf>
    <xf numFmtId="0" fontId="8" fillId="0" borderId="82" xfId="243" applyFont="1" applyBorder="1" applyAlignment="1">
      <alignment horizontal="center" vertical="center"/>
    </xf>
    <xf numFmtId="0" fontId="96" fillId="0" borderId="44" xfId="243" applyFont="1" applyBorder="1" applyAlignment="1">
      <alignment horizontal="center" vertical="center"/>
    </xf>
    <xf numFmtId="0" fontId="96" fillId="0" borderId="38" xfId="243" applyFont="1" applyBorder="1" applyAlignment="1">
      <alignment horizontal="center" vertical="center"/>
    </xf>
    <xf numFmtId="0" fontId="35" fillId="0" borderId="44" xfId="243" applyFont="1" applyBorder="1" applyAlignment="1">
      <alignment horizontal="center" vertical="center"/>
    </xf>
    <xf numFmtId="0" fontId="35" fillId="0" borderId="46" xfId="243" applyFont="1" applyBorder="1" applyAlignment="1">
      <alignment horizontal="center" vertical="center"/>
    </xf>
    <xf numFmtId="0" fontId="35" fillId="0" borderId="38" xfId="243" applyFont="1" applyBorder="1" applyAlignment="1">
      <alignment horizontal="center" vertical="center"/>
    </xf>
    <xf numFmtId="0" fontId="35" fillId="0" borderId="39" xfId="243" applyFont="1" applyBorder="1" applyAlignment="1">
      <alignment horizontal="center" vertical="center"/>
    </xf>
    <xf numFmtId="0" fontId="8" fillId="0" borderId="76" xfId="243" applyFont="1" applyBorder="1" applyAlignment="1">
      <alignment horizontal="center" vertical="center"/>
    </xf>
    <xf numFmtId="0" fontId="8" fillId="0" borderId="54" xfId="243" applyFont="1" applyBorder="1" applyAlignment="1">
      <alignment horizontal="center" vertical="center"/>
    </xf>
    <xf numFmtId="0" fontId="8" fillId="0" borderId="79" xfId="243" applyFont="1" applyBorder="1" applyAlignment="1">
      <alignment horizontal="center" vertical="center"/>
    </xf>
    <xf numFmtId="0" fontId="8" fillId="0" borderId="41" xfId="243" applyFont="1" applyBorder="1" applyAlignment="1">
      <alignment horizontal="center" vertical="center"/>
    </xf>
    <xf numFmtId="0" fontId="35" fillId="0" borderId="56" xfId="243" applyFont="1" applyBorder="1" applyAlignment="1">
      <alignment horizontal="center" vertical="center"/>
    </xf>
    <xf numFmtId="0" fontId="35" fillId="0" borderId="83" xfId="243" applyFont="1" applyBorder="1" applyAlignment="1">
      <alignment horizontal="center" vertical="center"/>
    </xf>
    <xf numFmtId="0" fontId="35" fillId="0" borderId="72" xfId="243" applyFont="1" applyBorder="1" applyAlignment="1">
      <alignment horizontal="center" vertical="center"/>
    </xf>
    <xf numFmtId="0" fontId="35" fillId="0" borderId="57" xfId="243" applyFont="1" applyBorder="1" applyAlignment="1">
      <alignment horizontal="center" vertical="center"/>
    </xf>
    <xf numFmtId="0" fontId="35" fillId="0" borderId="0" xfId="243" applyFont="1" applyAlignment="1">
      <alignment horizontal="center" vertical="center"/>
    </xf>
    <xf numFmtId="0" fontId="35" fillId="0" borderId="84" xfId="243" applyFont="1" applyBorder="1" applyAlignment="1">
      <alignment horizontal="center" vertical="center"/>
    </xf>
    <xf numFmtId="0" fontId="35" fillId="0" borderId="58" xfId="243" applyFont="1" applyBorder="1" applyAlignment="1">
      <alignment horizontal="center" vertical="center"/>
    </xf>
    <xf numFmtId="0" fontId="8" fillId="0" borderId="38" xfId="243" applyFont="1" applyBorder="1" applyAlignment="1">
      <alignment horizontal="center" vertical="center"/>
    </xf>
    <xf numFmtId="0" fontId="8" fillId="0" borderId="62" xfId="243" applyFont="1" applyBorder="1" applyAlignment="1">
      <alignment horizontal="center" vertical="center"/>
    </xf>
    <xf numFmtId="0" fontId="8" fillId="0" borderId="40" xfId="243" applyFont="1" applyBorder="1" applyAlignment="1">
      <alignment horizontal="center" vertical="center"/>
    </xf>
    <xf numFmtId="0" fontId="8" fillId="0" borderId="39" xfId="243" applyFont="1" applyBorder="1" applyAlignment="1">
      <alignment horizontal="center" vertical="center"/>
    </xf>
    <xf numFmtId="0" fontId="8" fillId="0" borderId="38" xfId="243" applyFont="1" applyBorder="1" applyAlignment="1">
      <alignment horizontal="center" vertical="center" wrapText="1"/>
    </xf>
    <xf numFmtId="0" fontId="8" fillId="0" borderId="56" xfId="243" applyFont="1" applyBorder="1" applyAlignment="1">
      <alignment horizontal="center" vertical="center"/>
    </xf>
    <xf numFmtId="0" fontId="8" fillId="0" borderId="92" xfId="243" applyFont="1" applyBorder="1" applyAlignment="1">
      <alignment horizontal="center" vertical="center"/>
    </xf>
    <xf numFmtId="0" fontId="8" fillId="0" borderId="57" xfId="243" applyFont="1" applyBorder="1" applyAlignment="1">
      <alignment horizontal="center" vertical="center"/>
    </xf>
    <xf numFmtId="0" fontId="8" fillId="0" borderId="24" xfId="243" applyFont="1" applyBorder="1" applyAlignment="1">
      <alignment horizontal="center" vertical="center"/>
    </xf>
    <xf numFmtId="0" fontId="8" fillId="0" borderId="58" xfId="243" applyFont="1" applyBorder="1" applyAlignment="1">
      <alignment horizontal="center" vertical="center"/>
    </xf>
    <xf numFmtId="0" fontId="8" fillId="0" borderId="93" xfId="243" applyFont="1" applyBorder="1" applyAlignment="1">
      <alignment horizontal="center" vertical="center"/>
    </xf>
    <xf numFmtId="0" fontId="48" fillId="0" borderId="56" xfId="243" applyFont="1" applyBorder="1" applyAlignment="1">
      <alignment horizontal="center" vertical="center" wrapText="1"/>
    </xf>
    <xf numFmtId="0" fontId="48" fillId="0" borderId="83" xfId="243" applyFont="1" applyBorder="1" applyAlignment="1">
      <alignment horizontal="center" vertical="center"/>
    </xf>
    <xf numFmtId="0" fontId="48" fillId="0" borderId="72" xfId="243" applyFont="1" applyBorder="1" applyAlignment="1">
      <alignment horizontal="center" vertical="center"/>
    </xf>
    <xf numFmtId="0" fontId="48" fillId="0" borderId="57" xfId="243" applyFont="1" applyBorder="1" applyAlignment="1">
      <alignment horizontal="center" vertical="center"/>
    </xf>
    <xf numFmtId="0" fontId="48" fillId="0" borderId="0" xfId="243" applyFont="1" applyAlignment="1">
      <alignment horizontal="center" vertical="center"/>
    </xf>
    <xf numFmtId="0" fontId="48" fillId="0" borderId="84" xfId="243" applyFont="1" applyBorder="1" applyAlignment="1">
      <alignment horizontal="center" vertical="center"/>
    </xf>
    <xf numFmtId="0" fontId="48" fillId="0" borderId="58" xfId="243" applyFont="1" applyBorder="1" applyAlignment="1">
      <alignment horizontal="center" vertical="center"/>
    </xf>
    <xf numFmtId="0" fontId="48" fillId="0" borderId="80" xfId="243" applyFont="1" applyBorder="1" applyAlignment="1">
      <alignment horizontal="center" vertical="center"/>
    </xf>
    <xf numFmtId="0" fontId="48" fillId="0" borderId="76" xfId="243" applyFont="1" applyBorder="1" applyAlignment="1">
      <alignment horizontal="center" vertical="center"/>
    </xf>
    <xf numFmtId="0" fontId="8" fillId="0" borderId="83" xfId="243" applyFont="1" applyBorder="1" applyAlignment="1">
      <alignment horizontal="center" vertical="center"/>
    </xf>
    <xf numFmtId="0" fontId="8" fillId="0" borderId="80" xfId="243" applyFont="1" applyBorder="1" applyAlignment="1">
      <alignment horizontal="center" vertical="center"/>
    </xf>
    <xf numFmtId="0" fontId="54" fillId="0" borderId="55" xfId="243" applyFont="1" applyBorder="1" applyAlignment="1">
      <alignment horizontal="left" vertical="top" wrapText="1"/>
    </xf>
    <xf numFmtId="0" fontId="54" fillId="0" borderId="83" xfId="243" applyFont="1" applyBorder="1" applyAlignment="1">
      <alignment horizontal="left" vertical="top" wrapText="1"/>
    </xf>
    <xf numFmtId="0" fontId="54" fillId="0" borderId="72" xfId="243" applyFont="1" applyBorder="1" applyAlignment="1">
      <alignment horizontal="left" vertical="top" wrapText="1"/>
    </xf>
    <xf numFmtId="0" fontId="54" fillId="0" borderId="23" xfId="243" applyFont="1" applyBorder="1" applyAlignment="1">
      <alignment horizontal="left" vertical="top" wrapText="1"/>
    </xf>
    <xf numFmtId="0" fontId="54" fillId="0" borderId="0" xfId="243" applyFont="1" applyAlignment="1">
      <alignment horizontal="left" vertical="top" wrapText="1"/>
    </xf>
    <xf numFmtId="0" fontId="54" fillId="0" borderId="84" xfId="243" applyFont="1" applyBorder="1" applyAlignment="1">
      <alignment horizontal="left" vertical="top" wrapText="1"/>
    </xf>
    <xf numFmtId="0" fontId="54" fillId="0" borderId="15" xfId="243" applyFont="1" applyBorder="1" applyAlignment="1">
      <alignment horizontal="left" vertical="top" wrapText="1"/>
    </xf>
    <xf numFmtId="0" fontId="54" fillId="0" borderId="25" xfId="243" applyFont="1" applyBorder="1" applyAlignment="1">
      <alignment horizontal="left" vertical="top" wrapText="1"/>
    </xf>
    <xf numFmtId="0" fontId="54" fillId="0" borderId="94" xfId="243" applyFont="1" applyBorder="1" applyAlignment="1">
      <alignment horizontal="left" vertical="top" wrapText="1"/>
    </xf>
    <xf numFmtId="0" fontId="54" fillId="0" borderId="56" xfId="243" applyFont="1" applyBorder="1" applyAlignment="1">
      <alignment vertical="top" wrapText="1"/>
    </xf>
    <xf numFmtId="0" fontId="54" fillId="0" borderId="83" xfId="243" applyFont="1" applyBorder="1" applyAlignment="1">
      <alignment vertical="top" wrapText="1"/>
    </xf>
    <xf numFmtId="0" fontId="54" fillId="0" borderId="92" xfId="243" applyFont="1" applyBorder="1" applyAlignment="1">
      <alignment vertical="top" wrapText="1"/>
    </xf>
    <xf numFmtId="0" fontId="54" fillId="0" borderId="57" xfId="243" applyFont="1" applyBorder="1" applyAlignment="1">
      <alignment vertical="top" wrapText="1"/>
    </xf>
    <xf numFmtId="0" fontId="54" fillId="0" borderId="0" xfId="243" applyFont="1" applyAlignment="1">
      <alignment vertical="top" wrapText="1"/>
    </xf>
    <xf numFmtId="0" fontId="54" fillId="0" borderId="24" xfId="243" applyFont="1" applyBorder="1" applyAlignment="1">
      <alignment vertical="top" wrapText="1"/>
    </xf>
    <xf numFmtId="0" fontId="54" fillId="0" borderId="95" xfId="243" applyFont="1" applyBorder="1" applyAlignment="1">
      <alignment vertical="top" wrapText="1"/>
    </xf>
    <xf numFmtId="0" fontId="54" fillId="0" borderId="25" xfId="243" applyFont="1" applyBorder="1" applyAlignment="1">
      <alignment vertical="top" wrapText="1"/>
    </xf>
    <xf numFmtId="0" fontId="54" fillId="0" borderId="16" xfId="243" applyFont="1" applyBorder="1" applyAlignment="1">
      <alignment vertical="top" wrapText="1"/>
    </xf>
    <xf numFmtId="0" fontId="8" fillId="0" borderId="0" xfId="243" applyFont="1" applyAlignment="1">
      <alignment horizontal="center" vertical="center"/>
    </xf>
    <xf numFmtId="220" fontId="13" fillId="0" borderId="0" xfId="115" applyNumberFormat="1" applyFont="1" applyAlignment="1">
      <alignment horizontal="center" vertical="center"/>
    </xf>
    <xf numFmtId="3" fontId="35" fillId="0" borderId="0" xfId="243" applyNumberFormat="1" applyFont="1" applyAlignment="1">
      <alignment horizontal="center" vertical="center"/>
    </xf>
    <xf numFmtId="0" fontId="8" fillId="0" borderId="55" xfId="243" applyFont="1" applyBorder="1" applyAlignment="1">
      <alignment horizontal="center" vertical="center"/>
    </xf>
    <xf numFmtId="0" fontId="8" fillId="0" borderId="72" xfId="243" applyFont="1" applyBorder="1" applyAlignment="1">
      <alignment horizontal="center" vertical="center"/>
    </xf>
    <xf numFmtId="0" fontId="8" fillId="0" borderId="1" xfId="243" applyFont="1" applyBorder="1" applyAlignment="1">
      <alignment horizontal="center" vertical="center"/>
    </xf>
    <xf numFmtId="0" fontId="99" fillId="31" borderId="34" xfId="244" applyFont="1" applyFill="1" applyBorder="1" applyAlignment="1">
      <alignment horizontal="center" vertical="center" justifyLastLine="1"/>
    </xf>
    <xf numFmtId="38" fontId="54" fillId="31" borderId="35" xfId="245" applyFont="1" applyFill="1" applyBorder="1" applyAlignment="1">
      <alignment horizontal="center" vertical="center"/>
    </xf>
    <xf numFmtId="38" fontId="54" fillId="31" borderId="4" xfId="245" applyFont="1" applyFill="1" applyBorder="1" applyAlignment="1">
      <alignment horizontal="center" vertical="center"/>
    </xf>
    <xf numFmtId="0" fontId="54" fillId="31" borderId="0" xfId="244" applyFont="1" applyFill="1" applyAlignment="1">
      <alignment horizontal="center" vertical="center"/>
    </xf>
    <xf numFmtId="0" fontId="54" fillId="31" borderId="0" xfId="244" applyFont="1" applyFill="1" applyAlignment="1">
      <alignment horizontal="center"/>
    </xf>
    <xf numFmtId="0" fontId="0" fillId="0" borderId="73" xfId="0" applyBorder="1" applyAlignment="1">
      <alignment horizontal="center" wrapText="1"/>
    </xf>
    <xf numFmtId="0" fontId="0" fillId="0" borderId="40" xfId="0" applyBorder="1" applyAlignment="1">
      <alignment horizontal="center" wrapText="1"/>
    </xf>
    <xf numFmtId="0" fontId="7" fillId="0" borderId="27" xfId="0" applyFont="1" applyBorder="1" applyAlignment="1">
      <alignment horizontal="center"/>
    </xf>
    <xf numFmtId="0" fontId="49" fillId="0" borderId="25" xfId="0" applyFont="1" applyBorder="1" applyAlignment="1">
      <alignment horizontal="right" wrapText="1"/>
    </xf>
    <xf numFmtId="0" fontId="0" fillId="0" borderId="74" xfId="0" applyBorder="1" applyAlignment="1">
      <alignment horizontal="center" wrapText="1"/>
    </xf>
    <xf numFmtId="0" fontId="0" fillId="0" borderId="64" xfId="0" applyBorder="1" applyAlignment="1">
      <alignment horizontal="center" wrapText="1"/>
    </xf>
    <xf numFmtId="0" fontId="0" fillId="0" borderId="35" xfId="0" applyBorder="1" applyAlignment="1">
      <alignment horizontal="center" wrapText="1"/>
    </xf>
    <xf numFmtId="0" fontId="0" fillId="0" borderId="66" xfId="0" applyBorder="1" applyAlignment="1">
      <alignment horizontal="center" wrapText="1"/>
    </xf>
    <xf numFmtId="0" fontId="0" fillId="0" borderId="73" xfId="0" applyBorder="1" applyAlignment="1">
      <alignment horizontal="left" wrapText="1"/>
    </xf>
    <xf numFmtId="0" fontId="0" fillId="0" borderId="40" xfId="0" applyBorder="1" applyAlignment="1">
      <alignment horizontal="left" wrapText="1"/>
    </xf>
    <xf numFmtId="0" fontId="7" fillId="0" borderId="25" xfId="0" applyFont="1" applyBorder="1" applyAlignment="1">
      <alignment horizontal="center"/>
    </xf>
    <xf numFmtId="0" fontId="0" fillId="0" borderId="75" xfId="0" applyBorder="1" applyAlignment="1">
      <alignment horizontal="center" vertical="center"/>
    </xf>
    <xf numFmtId="0" fontId="0" fillId="0" borderId="63" xfId="0" applyBorder="1" applyAlignment="1">
      <alignment horizontal="center" vertical="center"/>
    </xf>
    <xf numFmtId="0" fontId="0" fillId="0" borderId="25" xfId="0" applyBorder="1" applyAlignment="1">
      <alignment horizontal="center"/>
    </xf>
    <xf numFmtId="0" fontId="50" fillId="0" borderId="73" xfId="0" applyFont="1" applyBorder="1" applyAlignment="1">
      <alignment horizontal="left" wrapText="1"/>
    </xf>
    <xf numFmtId="0" fontId="50" fillId="0" borderId="40" xfId="0" applyFont="1" applyBorder="1" applyAlignment="1">
      <alignment horizontal="left" wrapText="1"/>
    </xf>
    <xf numFmtId="0" fontId="7" fillId="0" borderId="0" xfId="0" applyFont="1" applyAlignment="1">
      <alignment horizontal="center"/>
    </xf>
    <xf numFmtId="0" fontId="0" fillId="0" borderId="55" xfId="0" applyBorder="1" applyAlignment="1">
      <alignment horizontal="left" wrapText="1" indent="1"/>
    </xf>
    <xf numFmtId="0" fontId="0" fillId="0" borderId="72" xfId="0" applyBorder="1" applyAlignment="1">
      <alignment horizontal="left" wrapText="1" indent="1"/>
    </xf>
    <xf numFmtId="0" fontId="0" fillId="0" borderId="1" xfId="0" applyBorder="1" applyAlignment="1">
      <alignment horizontal="left" wrapText="1" indent="1"/>
    </xf>
    <xf numFmtId="0" fontId="0" fillId="0" borderId="76" xfId="0" applyBorder="1" applyAlignment="1">
      <alignment horizontal="left" wrapText="1" indent="1"/>
    </xf>
    <xf numFmtId="0" fontId="0" fillId="0" borderId="73" xfId="0" applyBorder="1" applyAlignment="1">
      <alignment horizontal="left" wrapText="1" indent="1"/>
    </xf>
    <xf numFmtId="0" fontId="0" fillId="0" borderId="40" xfId="0" applyBorder="1" applyAlignment="1">
      <alignment horizontal="left" wrapText="1" indent="1"/>
    </xf>
  </cellXfs>
  <cellStyles count="261">
    <cellStyle name="??" xfId="1" xr:uid="{00000000-0005-0000-0000-000000000000}"/>
    <cellStyle name="?? [0.00]_PERSONAL" xfId="2" xr:uid="{00000000-0005-0000-0000-000001000000}"/>
    <cellStyle name="???? [0.00]_PERSONAL" xfId="3" xr:uid="{00000000-0005-0000-0000-000002000000}"/>
    <cellStyle name="????_PERSONAL" xfId="4" xr:uid="{00000000-0005-0000-0000-000003000000}"/>
    <cellStyle name="??_PERSONAL" xfId="5" xr:uid="{00000000-0005-0000-0000-000004000000}"/>
    <cellStyle name="=C:\WINDOWS\SYSTEM32\COMMAND.COM" xfId="6" xr:uid="{00000000-0005-0000-0000-000005000000}"/>
    <cellStyle name="æØè [0.00]" xfId="123" xr:uid="{00000000-0005-0000-0000-000006000000}"/>
    <cellStyle name="ÊÝ [0.00]" xfId="124" xr:uid="{00000000-0005-0000-0000-000007000000}"/>
    <cellStyle name="ÊÝ [0.00] 2" xfId="248" xr:uid="{00000000-0005-0000-0000-000008000000}"/>
    <cellStyle name="0.000" xfId="7" xr:uid="{00000000-0005-0000-0000-000009000000}"/>
    <cellStyle name="121" xfId="125" xr:uid="{00000000-0005-0000-0000-00000A000000}"/>
    <cellStyle name="20% - アクセント 1" xfId="8" builtinId="30" customBuiltin="1"/>
    <cellStyle name="20% - アクセント 1 2" xfId="126" xr:uid="{00000000-0005-0000-0000-00000C000000}"/>
    <cellStyle name="20% - アクセント 2" xfId="9" builtinId="34" customBuiltin="1"/>
    <cellStyle name="20% - アクセント 2 2" xfId="127" xr:uid="{00000000-0005-0000-0000-00000E000000}"/>
    <cellStyle name="20% - アクセント 3" xfId="10" builtinId="38" customBuiltin="1"/>
    <cellStyle name="20% - アクセント 3 2" xfId="128" xr:uid="{00000000-0005-0000-0000-000010000000}"/>
    <cellStyle name="20% - アクセント 4" xfId="11" builtinId="42" customBuiltin="1"/>
    <cellStyle name="20% - アクセント 4 2" xfId="129" xr:uid="{00000000-0005-0000-0000-000012000000}"/>
    <cellStyle name="20% - アクセント 5" xfId="12" builtinId="46" customBuiltin="1"/>
    <cellStyle name="20% - アクセント 5 2" xfId="130" xr:uid="{00000000-0005-0000-0000-000014000000}"/>
    <cellStyle name="20% - アクセント 6" xfId="13" builtinId="50" customBuiltin="1"/>
    <cellStyle name="20% - アクセント 6 2" xfId="131" xr:uid="{00000000-0005-0000-0000-000016000000}"/>
    <cellStyle name="40% - アクセント 1" xfId="14" builtinId="31" customBuiltin="1"/>
    <cellStyle name="40% - アクセント 1 2" xfId="132" xr:uid="{00000000-0005-0000-0000-000018000000}"/>
    <cellStyle name="40% - アクセント 2" xfId="15" builtinId="35" customBuiltin="1"/>
    <cellStyle name="40% - アクセント 2 2" xfId="133" xr:uid="{00000000-0005-0000-0000-00001A000000}"/>
    <cellStyle name="40% - アクセント 3" xfId="16" builtinId="39" customBuiltin="1"/>
    <cellStyle name="40% - アクセント 3 2" xfId="134" xr:uid="{00000000-0005-0000-0000-00001C000000}"/>
    <cellStyle name="40% - アクセント 4" xfId="17" builtinId="43" customBuiltin="1"/>
    <cellStyle name="40% - アクセント 4 2" xfId="135" xr:uid="{00000000-0005-0000-0000-00001E000000}"/>
    <cellStyle name="40% - アクセント 5" xfId="18" builtinId="47" customBuiltin="1"/>
    <cellStyle name="40% - アクセント 5 2" xfId="136" xr:uid="{00000000-0005-0000-0000-000020000000}"/>
    <cellStyle name="40% - アクセント 6" xfId="19" builtinId="51" customBuiltin="1"/>
    <cellStyle name="40% - アクセント 6 2" xfId="137" xr:uid="{00000000-0005-0000-0000-000022000000}"/>
    <cellStyle name="60% - アクセント 1" xfId="20" builtinId="32" customBuiltin="1"/>
    <cellStyle name="60% - アクセント 1 2" xfId="138" xr:uid="{00000000-0005-0000-0000-000024000000}"/>
    <cellStyle name="60% - アクセント 2" xfId="21" builtinId="36" customBuiltin="1"/>
    <cellStyle name="60% - アクセント 2 2" xfId="139" xr:uid="{00000000-0005-0000-0000-000026000000}"/>
    <cellStyle name="60% - アクセント 3" xfId="22" builtinId="40" customBuiltin="1"/>
    <cellStyle name="60% - アクセント 3 2" xfId="140" xr:uid="{00000000-0005-0000-0000-000028000000}"/>
    <cellStyle name="60% - アクセント 4" xfId="23" builtinId="44" customBuiltin="1"/>
    <cellStyle name="60% - アクセント 4 2" xfId="141" xr:uid="{00000000-0005-0000-0000-00002A000000}"/>
    <cellStyle name="60% - アクセント 5" xfId="24" builtinId="48" customBuiltin="1"/>
    <cellStyle name="60% - アクセント 5 2" xfId="142" xr:uid="{00000000-0005-0000-0000-00002C000000}"/>
    <cellStyle name="60% - アクセント 6" xfId="25" builtinId="52" customBuiltin="1"/>
    <cellStyle name="60% - アクセント 6 2" xfId="143" xr:uid="{00000000-0005-0000-0000-00002E000000}"/>
    <cellStyle name="A4縦" xfId="144" xr:uid="{00000000-0005-0000-0000-00002F000000}"/>
    <cellStyle name="Arial 10" xfId="145" xr:uid="{00000000-0005-0000-0000-000030000000}"/>
    <cellStyle name="Arial 12" xfId="146" xr:uid="{00000000-0005-0000-0000-000031000000}"/>
    <cellStyle name="Arial 8" xfId="147" xr:uid="{00000000-0005-0000-0000-000032000000}"/>
    <cellStyle name="Calc Currency (0)" xfId="26" xr:uid="{00000000-0005-0000-0000-000033000000}"/>
    <cellStyle name="Calc Currency (0) 2" xfId="148" xr:uid="{00000000-0005-0000-0000-000034000000}"/>
    <cellStyle name="Calc Currency (0)_140424_羽津ポンプ場設計書（鋼製加工品のみとする）" xfId="149" xr:uid="{00000000-0005-0000-0000-000035000000}"/>
    <cellStyle name="Calc Currency (2)" xfId="27" xr:uid="{00000000-0005-0000-0000-000036000000}"/>
    <cellStyle name="Calc Percent (0)" xfId="28" xr:uid="{00000000-0005-0000-0000-000037000000}"/>
    <cellStyle name="Calc Percent (1)" xfId="29" xr:uid="{00000000-0005-0000-0000-000038000000}"/>
    <cellStyle name="Calc Percent (2)" xfId="30" xr:uid="{00000000-0005-0000-0000-000039000000}"/>
    <cellStyle name="Calc Units (0)" xfId="31" xr:uid="{00000000-0005-0000-0000-00003A000000}"/>
    <cellStyle name="Calc Units (1)" xfId="32" xr:uid="{00000000-0005-0000-0000-00003B000000}"/>
    <cellStyle name="Calc Units (2)" xfId="33" xr:uid="{00000000-0005-0000-0000-00003C000000}"/>
    <cellStyle name="Comma [0]_#6 Temps &amp; Contractors" xfId="34" xr:uid="{00000000-0005-0000-0000-00003D000000}"/>
    <cellStyle name="Comma [00]" xfId="35" xr:uid="{00000000-0005-0000-0000-00003E000000}"/>
    <cellStyle name="Comma_#6 Temps &amp; Contractors" xfId="36" xr:uid="{00000000-0005-0000-0000-00003F000000}"/>
    <cellStyle name="COMP定番表書式" xfId="150" xr:uid="{00000000-0005-0000-0000-000040000000}"/>
    <cellStyle name="Currency [0]_#6 Temps &amp; Contractors" xfId="37" xr:uid="{00000000-0005-0000-0000-000041000000}"/>
    <cellStyle name="Currency [00]" xfId="38" xr:uid="{00000000-0005-0000-0000-000042000000}"/>
    <cellStyle name="Currency_#6 Temps &amp; Contractors" xfId="39" xr:uid="{00000000-0005-0000-0000-000043000000}"/>
    <cellStyle name="dak" xfId="40" xr:uid="{00000000-0005-0000-0000-000044000000}"/>
    <cellStyle name="Date Short" xfId="41" xr:uid="{00000000-0005-0000-0000-000045000000}"/>
    <cellStyle name="Enter Currency (0)" xfId="42" xr:uid="{00000000-0005-0000-0000-000046000000}"/>
    <cellStyle name="Enter Currency (2)" xfId="43" xr:uid="{00000000-0005-0000-0000-000047000000}"/>
    <cellStyle name="Enter Units (0)" xfId="44" xr:uid="{00000000-0005-0000-0000-000048000000}"/>
    <cellStyle name="Enter Units (1)" xfId="45" xr:uid="{00000000-0005-0000-0000-000049000000}"/>
    <cellStyle name="Enter Units (2)" xfId="46" xr:uid="{00000000-0005-0000-0000-00004A000000}"/>
    <cellStyle name="entry" xfId="151" xr:uid="{00000000-0005-0000-0000-00004B000000}"/>
    <cellStyle name="Followed Hyperlink" xfId="47" xr:uid="{00000000-0005-0000-0000-00004C000000}"/>
    <cellStyle name="Grey" xfId="48" xr:uid="{00000000-0005-0000-0000-00004D000000}"/>
    <cellStyle name="Header1" xfId="49" xr:uid="{00000000-0005-0000-0000-00004E000000}"/>
    <cellStyle name="Header2" xfId="50" xr:uid="{00000000-0005-0000-0000-00004F000000}"/>
    <cellStyle name="Hyperlink" xfId="51" xr:uid="{00000000-0005-0000-0000-000050000000}"/>
    <cellStyle name="Input [yellow]" xfId="52" xr:uid="{00000000-0005-0000-0000-000051000000}"/>
    <cellStyle name="Link Currency (0)" xfId="53" xr:uid="{00000000-0005-0000-0000-000052000000}"/>
    <cellStyle name="Link Currency (2)" xfId="54" xr:uid="{00000000-0005-0000-0000-000053000000}"/>
    <cellStyle name="Link Units (0)" xfId="55" xr:uid="{00000000-0005-0000-0000-000054000000}"/>
    <cellStyle name="Link Units (1)" xfId="56" xr:uid="{00000000-0005-0000-0000-000055000000}"/>
    <cellStyle name="Link Units (2)" xfId="57" xr:uid="{00000000-0005-0000-0000-000056000000}"/>
    <cellStyle name="ＭＳゴシック　10" xfId="152" xr:uid="{00000000-0005-0000-0000-000057000000}"/>
    <cellStyle name="ＭＳゴシック 12" xfId="153" xr:uid="{00000000-0005-0000-0000-000058000000}"/>
    <cellStyle name="new" xfId="58" xr:uid="{00000000-0005-0000-0000-000059000000}"/>
    <cellStyle name="Normal - Style1" xfId="59" xr:uid="{00000000-0005-0000-0000-00005A000000}"/>
    <cellStyle name="Normal_# 41-Market &amp;Trends" xfId="60" xr:uid="{00000000-0005-0000-0000-00005B000000}"/>
    <cellStyle name="ParaBirimi [0]_RESULTS" xfId="61" xr:uid="{00000000-0005-0000-0000-00005C000000}"/>
    <cellStyle name="ParaBirimi_RESULTS" xfId="62" xr:uid="{00000000-0005-0000-0000-00005D000000}"/>
    <cellStyle name="Percent [0]" xfId="63" xr:uid="{00000000-0005-0000-0000-00005E000000}"/>
    <cellStyle name="Percent [00]" xfId="64" xr:uid="{00000000-0005-0000-0000-00005F000000}"/>
    <cellStyle name="Percent [2]" xfId="65" xr:uid="{00000000-0005-0000-0000-000060000000}"/>
    <cellStyle name="Percent_#6 Temps &amp; Contractors" xfId="66" xr:uid="{00000000-0005-0000-0000-000061000000}"/>
    <cellStyle name="PrePop Currency (0)" xfId="67" xr:uid="{00000000-0005-0000-0000-000062000000}"/>
    <cellStyle name="PrePop Currency (2)" xfId="68" xr:uid="{00000000-0005-0000-0000-000063000000}"/>
    <cellStyle name="PrePop Units (0)" xfId="69" xr:uid="{00000000-0005-0000-0000-000064000000}"/>
    <cellStyle name="PrePop Units (1)" xfId="70" xr:uid="{00000000-0005-0000-0000-000065000000}"/>
    <cellStyle name="PrePop Units (2)" xfId="71" xr:uid="{00000000-0005-0000-0000-000066000000}"/>
    <cellStyle name="price" xfId="154" xr:uid="{00000000-0005-0000-0000-000067000000}"/>
    <cellStyle name="PSChar" xfId="155" xr:uid="{00000000-0005-0000-0000-000068000000}"/>
    <cellStyle name="PSHeading" xfId="156" xr:uid="{00000000-0005-0000-0000-000069000000}"/>
    <cellStyle name="revised" xfId="157" xr:uid="{00000000-0005-0000-0000-00006A000000}"/>
    <cellStyle name="sc5" xfId="158" xr:uid="{00000000-0005-0000-0000-00006B000000}"/>
    <cellStyle name="sc7" xfId="159" xr:uid="{00000000-0005-0000-0000-00006C000000}"/>
    <cellStyle name="section" xfId="160" xr:uid="{00000000-0005-0000-0000-00006D000000}"/>
    <cellStyle name="Standard_COST INPUT SHEET" xfId="161" xr:uid="{00000000-0005-0000-0000-00006E000000}"/>
    <cellStyle name="StyleName1" xfId="162" xr:uid="{00000000-0005-0000-0000-00006F000000}"/>
    <cellStyle name="StyleName2" xfId="163" xr:uid="{00000000-0005-0000-0000-000070000000}"/>
    <cellStyle name="StyleName3" xfId="164" xr:uid="{00000000-0005-0000-0000-000071000000}"/>
    <cellStyle name="StyleName4" xfId="165" xr:uid="{00000000-0005-0000-0000-000072000000}"/>
    <cellStyle name="StyleName5" xfId="166" xr:uid="{00000000-0005-0000-0000-000073000000}"/>
    <cellStyle name="StyleName6" xfId="167" xr:uid="{00000000-0005-0000-0000-000074000000}"/>
    <cellStyle name="StyleName7" xfId="168" xr:uid="{00000000-0005-0000-0000-000075000000}"/>
    <cellStyle name="StyleName8" xfId="169" xr:uid="{00000000-0005-0000-0000-000076000000}"/>
    <cellStyle name="subhead" xfId="72" xr:uid="{00000000-0005-0000-0000-000077000000}"/>
    <cellStyle name="Text Indent A" xfId="73" xr:uid="{00000000-0005-0000-0000-000078000000}"/>
    <cellStyle name="Text Indent B" xfId="74" xr:uid="{00000000-0005-0000-0000-000079000000}"/>
    <cellStyle name="Text Indent C" xfId="75" xr:uid="{00000000-0005-0000-0000-00007A000000}"/>
    <cellStyle name="title" xfId="170" xr:uid="{00000000-0005-0000-0000-00007B000000}"/>
    <cellStyle name="Virg・ [0]_RESULTS" xfId="76" xr:uid="{00000000-0005-0000-0000-00007C000000}"/>
    <cellStyle name="Virg・_RESULTS" xfId="77" xr:uid="{00000000-0005-0000-0000-00007D000000}"/>
    <cellStyle name="アクセント 1" xfId="78" builtinId="29" customBuiltin="1"/>
    <cellStyle name="アクセント 1 2" xfId="171" xr:uid="{00000000-0005-0000-0000-00007F000000}"/>
    <cellStyle name="アクセント 2" xfId="79" builtinId="33" customBuiltin="1"/>
    <cellStyle name="アクセント 2 2" xfId="172" xr:uid="{00000000-0005-0000-0000-000081000000}"/>
    <cellStyle name="アクセント 3" xfId="80" builtinId="37" customBuiltin="1"/>
    <cellStyle name="アクセント 3 2" xfId="173" xr:uid="{00000000-0005-0000-0000-000083000000}"/>
    <cellStyle name="アクセント 4" xfId="81" builtinId="41" customBuiltin="1"/>
    <cellStyle name="アクセント 4 2" xfId="174" xr:uid="{00000000-0005-0000-0000-000085000000}"/>
    <cellStyle name="アクセント 5" xfId="82" builtinId="45" customBuiltin="1"/>
    <cellStyle name="アクセント 5 2" xfId="175" xr:uid="{00000000-0005-0000-0000-000087000000}"/>
    <cellStyle name="アクセント 6" xfId="83" builtinId="49" customBuiltin="1"/>
    <cellStyle name="アクセント 6 2" xfId="176" xr:uid="{00000000-0005-0000-0000-000089000000}"/>
    <cellStyle name="タイトル" xfId="84" builtinId="15" customBuiltin="1"/>
    <cellStyle name="タイトル 2" xfId="177" xr:uid="{00000000-0005-0000-0000-00008B000000}"/>
    <cellStyle name="チェック セル" xfId="85" builtinId="23" customBuiltin="1"/>
    <cellStyle name="チェック セル 2" xfId="178" xr:uid="{00000000-0005-0000-0000-00008D000000}"/>
    <cellStyle name="どちらでもない" xfId="86" builtinId="28" customBuiltin="1"/>
    <cellStyle name="どちらでもない 2" xfId="179" xr:uid="{00000000-0005-0000-0000-00008F000000}"/>
    <cellStyle name="ﾄ褊褂燾・[0]_PERSONAL" xfId="87" xr:uid="{00000000-0005-0000-0000-000090000000}"/>
    <cellStyle name="ﾄ褊褂燾饑PERSONAL" xfId="88" xr:uid="{00000000-0005-0000-0000-000091000000}"/>
    <cellStyle name="パーセント" xfId="89" builtinId="5"/>
    <cellStyle name="パーセント 2" xfId="180" xr:uid="{00000000-0005-0000-0000-000093000000}"/>
    <cellStyle name="パーセント 3" xfId="255" xr:uid="{00000000-0005-0000-0000-000094000000}"/>
    <cellStyle name="ﾌｫﾝﾄ変更" xfId="181" xr:uid="{00000000-0005-0000-0000-000095000000}"/>
    <cellStyle name="ﾎ磊隆_PERSONAL" xfId="90" xr:uid="{00000000-0005-0000-0000-000096000000}"/>
    <cellStyle name="メモ" xfId="91" builtinId="10" customBuiltin="1"/>
    <cellStyle name="メモ 2" xfId="182" xr:uid="{00000000-0005-0000-0000-000098000000}"/>
    <cellStyle name="ﾔ竟瑙糺・[0]_PERSONAL" xfId="92" xr:uid="{00000000-0005-0000-0000-000099000000}"/>
    <cellStyle name="ﾔ竟瑙糺饑PERSONAL" xfId="93" xr:uid="{00000000-0005-0000-0000-00009A000000}"/>
    <cellStyle name="リンク" xfId="183" xr:uid="{00000000-0005-0000-0000-00009B000000}"/>
    <cellStyle name="リンク セル" xfId="94" builtinId="24" customBuiltin="1"/>
    <cellStyle name="リンク セル 2" xfId="184" xr:uid="{00000000-0005-0000-0000-00009D000000}"/>
    <cellStyle name="悪い" xfId="95" builtinId="27" customBuiltin="1"/>
    <cellStyle name="悪い 2" xfId="185" xr:uid="{00000000-0005-0000-0000-00009F000000}"/>
    <cellStyle name="位置" xfId="186" xr:uid="{00000000-0005-0000-0000-0000A0000000}"/>
    <cellStyle name="下段_0" xfId="187" xr:uid="{00000000-0005-0000-0000-0000A1000000}"/>
    <cellStyle name="会社名" xfId="188" xr:uid="{00000000-0005-0000-0000-0000A2000000}"/>
    <cellStyle name="強調" xfId="189" xr:uid="{00000000-0005-0000-0000-0000A3000000}"/>
    <cellStyle name="金額" xfId="190" xr:uid="{00000000-0005-0000-0000-0000A4000000}"/>
    <cellStyle name="計算" xfId="96" builtinId="22" customBuiltin="1"/>
    <cellStyle name="計算 2" xfId="191" xr:uid="{00000000-0005-0000-0000-0000A6000000}"/>
    <cellStyle name="警告文" xfId="97" builtinId="11" customBuiltin="1"/>
    <cellStyle name="警告文 2" xfId="192" xr:uid="{00000000-0005-0000-0000-0000A8000000}"/>
    <cellStyle name="桁区切り" xfId="98" builtinId="6"/>
    <cellStyle name="桁区切り [0.0]" xfId="193" xr:uid="{00000000-0005-0000-0000-0000AA000000}"/>
    <cellStyle name="桁区切り 2" xfId="121" xr:uid="{00000000-0005-0000-0000-0000AB000000}"/>
    <cellStyle name="桁区切り 2 2" xfId="194" xr:uid="{00000000-0005-0000-0000-0000AC000000}"/>
    <cellStyle name="桁区切り 2 2 2" xfId="245" xr:uid="{00000000-0005-0000-0000-0000AD000000}"/>
    <cellStyle name="桁区切り 3" xfId="195" xr:uid="{00000000-0005-0000-0000-0000AE000000}"/>
    <cellStyle name="桁区切り 3 2" xfId="196" xr:uid="{00000000-0005-0000-0000-0000AF000000}"/>
    <cellStyle name="桁区切り 3 3" xfId="256" xr:uid="{00000000-0005-0000-0000-0000B0000000}"/>
    <cellStyle name="桁区切り 4" xfId="247" xr:uid="{00000000-0005-0000-0000-0000B1000000}"/>
    <cellStyle name="桁区切り 5" xfId="252" xr:uid="{00000000-0005-0000-0000-0000B2000000}"/>
    <cellStyle name="桁区切り 5 2" xfId="258" xr:uid="{ED9CE7D2-68B0-4CA3-8BBB-1D56BD81616B}"/>
    <cellStyle name="桁区切り 5 3" xfId="260" xr:uid="{81277F11-3612-45F2-869B-06564480A2B0}"/>
    <cellStyle name="桁区切り 6" xfId="254" xr:uid="{00000000-0005-0000-0000-0000B3000000}"/>
    <cellStyle name="桁区切り（０なし）" xfId="197" xr:uid="{00000000-0005-0000-0000-0000B4000000}"/>
    <cellStyle name="桁区切り0" xfId="99" xr:uid="{00000000-0005-0000-0000-0000B5000000}"/>
    <cellStyle name="桁区切り1" xfId="100" xr:uid="{00000000-0005-0000-0000-0000B6000000}"/>
    <cellStyle name="桁区切り2" xfId="101" xr:uid="{00000000-0005-0000-0000-0000B7000000}"/>
    <cellStyle name="見出し 1" xfId="102" builtinId="16" customBuiltin="1"/>
    <cellStyle name="見出し 1 2" xfId="198" xr:uid="{00000000-0005-0000-0000-0000B9000000}"/>
    <cellStyle name="見出し 2" xfId="103" builtinId="17" customBuiltin="1"/>
    <cellStyle name="見出し 2 2" xfId="199" xr:uid="{00000000-0005-0000-0000-0000BB000000}"/>
    <cellStyle name="見出し 3" xfId="104" builtinId="18" customBuiltin="1"/>
    <cellStyle name="見出し 3 2" xfId="200" xr:uid="{00000000-0005-0000-0000-0000BD000000}"/>
    <cellStyle name="見出し 4" xfId="105" builtinId="19" customBuiltin="1"/>
    <cellStyle name="見出し 4 2" xfId="201" xr:uid="{00000000-0005-0000-0000-0000BF000000}"/>
    <cellStyle name="見積桁区切り" xfId="202" xr:uid="{00000000-0005-0000-0000-0000C0000000}"/>
    <cellStyle name="見積-桁区切り" xfId="203" xr:uid="{00000000-0005-0000-0000-0000C1000000}"/>
    <cellStyle name="見積-通貨記号" xfId="204" xr:uid="{00000000-0005-0000-0000-0000C2000000}"/>
    <cellStyle name="工期算定表" xfId="205" xr:uid="{00000000-0005-0000-0000-0000C3000000}"/>
    <cellStyle name="集計" xfId="106" builtinId="25" customBuiltin="1"/>
    <cellStyle name="集計 2" xfId="206" xr:uid="{00000000-0005-0000-0000-0000C5000000}"/>
    <cellStyle name="出力" xfId="107" builtinId="21" customBuiltin="1"/>
    <cellStyle name="出力 2" xfId="207" xr:uid="{00000000-0005-0000-0000-0000C7000000}"/>
    <cellStyle name="小数点０位 [0]" xfId="208" xr:uid="{00000000-0005-0000-0000-0000C8000000}"/>
    <cellStyle name="小数点１位 [0.0]" xfId="209" xr:uid="{00000000-0005-0000-0000-0000C9000000}"/>
    <cellStyle name="小数点２位 [0.00]" xfId="210" xr:uid="{00000000-0005-0000-0000-0000CA000000}"/>
    <cellStyle name="小数点３位 [0.000]" xfId="211" xr:uid="{00000000-0005-0000-0000-0000CB000000}"/>
    <cellStyle name="小表題" xfId="212" xr:uid="{00000000-0005-0000-0000-0000CC000000}"/>
    <cellStyle name="上の原" xfId="108" xr:uid="{00000000-0005-0000-0000-0000CD000000}"/>
    <cellStyle name="上段_0" xfId="213" xr:uid="{00000000-0005-0000-0000-0000CE000000}"/>
    <cellStyle name="数量" xfId="214" xr:uid="{00000000-0005-0000-0000-0000CF000000}"/>
    <cellStyle name="数量計算" xfId="215" xr:uid="{00000000-0005-0000-0000-0000D0000000}"/>
    <cellStyle name="積算" xfId="216" xr:uid="{00000000-0005-0000-0000-0000D1000000}"/>
    <cellStyle name="説明文" xfId="109" builtinId="53" customBuiltin="1"/>
    <cellStyle name="説明文 2" xfId="217" xr:uid="{00000000-0005-0000-0000-0000D3000000}"/>
    <cellStyle name="大表題(12)" xfId="218" xr:uid="{00000000-0005-0000-0000-0000D4000000}"/>
    <cellStyle name="大表題(14)" xfId="219" xr:uid="{00000000-0005-0000-0000-0000D5000000}"/>
    <cellStyle name="大表題(16)" xfId="220" xr:uid="{00000000-0005-0000-0000-0000D6000000}"/>
    <cellStyle name="大表題(20)" xfId="221" xr:uid="{00000000-0005-0000-0000-0000D7000000}"/>
    <cellStyle name="帳票" xfId="222" xr:uid="{00000000-0005-0000-0000-0000D8000000}"/>
    <cellStyle name="通浦 [0.00]_laroux" xfId="110" xr:uid="{00000000-0005-0000-0000-0000D9000000}"/>
    <cellStyle name="通浦_laroux" xfId="111" xr:uid="{00000000-0005-0000-0000-0000DA000000}"/>
    <cellStyle name="通貨 2" xfId="223" xr:uid="{00000000-0005-0000-0000-0000DB000000}"/>
    <cellStyle name="通貨 2 2" xfId="249" xr:uid="{00000000-0005-0000-0000-0000DC000000}"/>
    <cellStyle name="入力" xfId="112" builtinId="20" customBuiltin="1"/>
    <cellStyle name="入力 2" xfId="224" xr:uid="{00000000-0005-0000-0000-0000DE000000}"/>
    <cellStyle name="年号" xfId="113" xr:uid="{00000000-0005-0000-0000-0000DF000000}"/>
    <cellStyle name="破線" xfId="225" xr:uid="{00000000-0005-0000-0000-0000E0000000}"/>
    <cellStyle name="比較表" xfId="226" xr:uid="{00000000-0005-0000-0000-0000E1000000}"/>
    <cellStyle name="非表示" xfId="114" xr:uid="{00000000-0005-0000-0000-0000E2000000}"/>
    <cellStyle name="標準" xfId="0" builtinId="0"/>
    <cellStyle name="標準 10" xfId="253" xr:uid="{00000000-0005-0000-0000-0000E4000000}"/>
    <cellStyle name="標準 13" xfId="246" xr:uid="{00000000-0005-0000-0000-0000E5000000}"/>
    <cellStyle name="標準 13 2" xfId="251" xr:uid="{00000000-0005-0000-0000-0000E6000000}"/>
    <cellStyle name="標準 13 3" xfId="257" xr:uid="{3E73901B-8DBA-4C96-A904-0FF5B4074E6C}"/>
    <cellStyle name="標準 13 4" xfId="259" xr:uid="{206FA6F6-46D3-466E-B5A7-6DB8FB124EE2}"/>
    <cellStyle name="標準 2" xfId="115" xr:uid="{00000000-0005-0000-0000-0000E7000000}"/>
    <cellStyle name="標準 2 2" xfId="227" xr:uid="{00000000-0005-0000-0000-0000E8000000}"/>
    <cellStyle name="標準 2 2 2" xfId="228" xr:uid="{00000000-0005-0000-0000-0000E9000000}"/>
    <cellStyle name="標準 2 3" xfId="229" xr:uid="{00000000-0005-0000-0000-0000EA000000}"/>
    <cellStyle name="標準 2_西笹川中武道場機械内訳書" xfId="230" xr:uid="{00000000-0005-0000-0000-0000EB000000}"/>
    <cellStyle name="標準 3" xfId="231" xr:uid="{00000000-0005-0000-0000-0000EC000000}"/>
    <cellStyle name="標準 4" xfId="232" xr:uid="{00000000-0005-0000-0000-0000ED000000}"/>
    <cellStyle name="標準 4 2" xfId="233" xr:uid="{00000000-0005-0000-0000-0000EE000000}"/>
    <cellStyle name="標準 4 3" xfId="243" xr:uid="{00000000-0005-0000-0000-0000EF000000}"/>
    <cellStyle name="標準 4 4" xfId="250" xr:uid="{00000000-0005-0000-0000-0000F0000000}"/>
    <cellStyle name="標準 5" xfId="234" xr:uid="{00000000-0005-0000-0000-0000F1000000}"/>
    <cellStyle name="標準 6" xfId="235" xr:uid="{00000000-0005-0000-0000-0000F2000000}"/>
    <cellStyle name="標準 7" xfId="236" xr:uid="{00000000-0005-0000-0000-0000F3000000}"/>
    <cellStyle name="標準 8" xfId="120" xr:uid="{00000000-0005-0000-0000-0000F4000000}"/>
    <cellStyle name="標準 9" xfId="122" xr:uid="{00000000-0005-0000-0000-0000F5000000}"/>
    <cellStyle name="標準_Ｈ２４年度施原第__号水沢北谷配水池濁度計設置工事_設計書." xfId="116" xr:uid="{00000000-0005-0000-0000-0000F6000000}"/>
    <cellStyle name="標準_総括" xfId="244" xr:uid="{00000000-0005-0000-0000-0000F8000000}"/>
    <cellStyle name="標準２" xfId="237" xr:uid="{00000000-0005-0000-0000-0000F9000000}"/>
    <cellStyle name="標準A" xfId="238" xr:uid="{00000000-0005-0000-0000-0000FA000000}"/>
    <cellStyle name="標準Ａ" xfId="117" xr:uid="{00000000-0005-0000-0000-0000FB000000}"/>
    <cellStyle name="標準戻し" xfId="239" xr:uid="{00000000-0005-0000-0000-0000FC000000}"/>
    <cellStyle name="表紙" xfId="240" xr:uid="{00000000-0005-0000-0000-0000FD000000}"/>
    <cellStyle name="別紙明細" xfId="241" xr:uid="{00000000-0005-0000-0000-0000FE000000}"/>
    <cellStyle name="未定義" xfId="118" xr:uid="{00000000-0005-0000-0000-0000FF000000}"/>
    <cellStyle name="良い" xfId="119" builtinId="26" customBuiltin="1"/>
    <cellStyle name="良い 2" xfId="242" xr:uid="{00000000-0005-0000-0000-000001010000}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FF00FF"/>
      <color rgb="FFFF33CC"/>
      <color rgb="FFFF3399"/>
      <color rgb="FFBD039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19.xml"/><Relationship Id="rId21" Type="http://schemas.openxmlformats.org/officeDocument/2006/relationships/externalLink" Target="externalLinks/externalLink14.xml"/><Relationship Id="rId42" Type="http://schemas.openxmlformats.org/officeDocument/2006/relationships/externalLink" Target="externalLinks/externalLink35.xml"/><Relationship Id="rId47" Type="http://schemas.openxmlformats.org/officeDocument/2006/relationships/externalLink" Target="externalLinks/externalLink40.xml"/><Relationship Id="rId63" Type="http://schemas.openxmlformats.org/officeDocument/2006/relationships/externalLink" Target="externalLinks/externalLink56.xml"/><Relationship Id="rId68" Type="http://schemas.openxmlformats.org/officeDocument/2006/relationships/externalLink" Target="externalLinks/externalLink61.xml"/><Relationship Id="rId84" Type="http://schemas.openxmlformats.org/officeDocument/2006/relationships/externalLink" Target="externalLinks/externalLink77.xml"/><Relationship Id="rId89" Type="http://schemas.openxmlformats.org/officeDocument/2006/relationships/externalLink" Target="externalLinks/externalLink82.xml"/><Relationship Id="rId16" Type="http://schemas.openxmlformats.org/officeDocument/2006/relationships/externalLink" Target="externalLinks/externalLink9.xml"/><Relationship Id="rId107" Type="http://schemas.openxmlformats.org/officeDocument/2006/relationships/externalLink" Target="externalLinks/externalLink100.xml"/><Relationship Id="rId11" Type="http://schemas.openxmlformats.org/officeDocument/2006/relationships/externalLink" Target="externalLinks/externalLink4.xml"/><Relationship Id="rId32" Type="http://schemas.openxmlformats.org/officeDocument/2006/relationships/externalLink" Target="externalLinks/externalLink25.xml"/><Relationship Id="rId37" Type="http://schemas.openxmlformats.org/officeDocument/2006/relationships/externalLink" Target="externalLinks/externalLink30.xml"/><Relationship Id="rId53" Type="http://schemas.openxmlformats.org/officeDocument/2006/relationships/externalLink" Target="externalLinks/externalLink46.xml"/><Relationship Id="rId58" Type="http://schemas.openxmlformats.org/officeDocument/2006/relationships/externalLink" Target="externalLinks/externalLink51.xml"/><Relationship Id="rId74" Type="http://schemas.openxmlformats.org/officeDocument/2006/relationships/externalLink" Target="externalLinks/externalLink67.xml"/><Relationship Id="rId79" Type="http://schemas.openxmlformats.org/officeDocument/2006/relationships/externalLink" Target="externalLinks/externalLink72.xml"/><Relationship Id="rId102" Type="http://schemas.openxmlformats.org/officeDocument/2006/relationships/externalLink" Target="externalLinks/externalLink95.xml"/><Relationship Id="rId5" Type="http://schemas.openxmlformats.org/officeDocument/2006/relationships/worksheet" Target="worksheets/sheet5.xml"/><Relationship Id="rId90" Type="http://schemas.openxmlformats.org/officeDocument/2006/relationships/externalLink" Target="externalLinks/externalLink83.xml"/><Relationship Id="rId95" Type="http://schemas.openxmlformats.org/officeDocument/2006/relationships/externalLink" Target="externalLinks/externalLink88.xml"/><Relationship Id="rId22" Type="http://schemas.openxmlformats.org/officeDocument/2006/relationships/externalLink" Target="externalLinks/externalLink15.xml"/><Relationship Id="rId27" Type="http://schemas.openxmlformats.org/officeDocument/2006/relationships/externalLink" Target="externalLinks/externalLink20.xml"/><Relationship Id="rId43" Type="http://schemas.openxmlformats.org/officeDocument/2006/relationships/externalLink" Target="externalLinks/externalLink36.xml"/><Relationship Id="rId48" Type="http://schemas.openxmlformats.org/officeDocument/2006/relationships/externalLink" Target="externalLinks/externalLink41.xml"/><Relationship Id="rId64" Type="http://schemas.openxmlformats.org/officeDocument/2006/relationships/externalLink" Target="externalLinks/externalLink57.xml"/><Relationship Id="rId69" Type="http://schemas.openxmlformats.org/officeDocument/2006/relationships/externalLink" Target="externalLinks/externalLink62.xml"/><Relationship Id="rId80" Type="http://schemas.openxmlformats.org/officeDocument/2006/relationships/externalLink" Target="externalLinks/externalLink73.xml"/><Relationship Id="rId85" Type="http://schemas.openxmlformats.org/officeDocument/2006/relationships/externalLink" Target="externalLinks/externalLink78.xml"/><Relationship Id="rId12" Type="http://schemas.openxmlformats.org/officeDocument/2006/relationships/externalLink" Target="externalLinks/externalLink5.xml"/><Relationship Id="rId17" Type="http://schemas.openxmlformats.org/officeDocument/2006/relationships/externalLink" Target="externalLinks/externalLink10.xml"/><Relationship Id="rId33" Type="http://schemas.openxmlformats.org/officeDocument/2006/relationships/externalLink" Target="externalLinks/externalLink26.xml"/><Relationship Id="rId38" Type="http://schemas.openxmlformats.org/officeDocument/2006/relationships/externalLink" Target="externalLinks/externalLink31.xml"/><Relationship Id="rId59" Type="http://schemas.openxmlformats.org/officeDocument/2006/relationships/externalLink" Target="externalLinks/externalLink52.xml"/><Relationship Id="rId103" Type="http://schemas.openxmlformats.org/officeDocument/2006/relationships/externalLink" Target="externalLinks/externalLink96.xml"/><Relationship Id="rId108" Type="http://schemas.openxmlformats.org/officeDocument/2006/relationships/theme" Target="theme/theme1.xml"/><Relationship Id="rId54" Type="http://schemas.openxmlformats.org/officeDocument/2006/relationships/externalLink" Target="externalLinks/externalLink47.xml"/><Relationship Id="rId70" Type="http://schemas.openxmlformats.org/officeDocument/2006/relationships/externalLink" Target="externalLinks/externalLink63.xml"/><Relationship Id="rId75" Type="http://schemas.openxmlformats.org/officeDocument/2006/relationships/externalLink" Target="externalLinks/externalLink68.xml"/><Relationship Id="rId91" Type="http://schemas.openxmlformats.org/officeDocument/2006/relationships/externalLink" Target="externalLinks/externalLink84.xml"/><Relationship Id="rId96" Type="http://schemas.openxmlformats.org/officeDocument/2006/relationships/externalLink" Target="externalLinks/externalLink8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externalLink" Target="externalLinks/externalLink8.xml"/><Relationship Id="rId23" Type="http://schemas.openxmlformats.org/officeDocument/2006/relationships/externalLink" Target="externalLinks/externalLink16.xml"/><Relationship Id="rId28" Type="http://schemas.openxmlformats.org/officeDocument/2006/relationships/externalLink" Target="externalLinks/externalLink21.xml"/><Relationship Id="rId36" Type="http://schemas.openxmlformats.org/officeDocument/2006/relationships/externalLink" Target="externalLinks/externalLink29.xml"/><Relationship Id="rId49" Type="http://schemas.openxmlformats.org/officeDocument/2006/relationships/externalLink" Target="externalLinks/externalLink42.xml"/><Relationship Id="rId57" Type="http://schemas.openxmlformats.org/officeDocument/2006/relationships/externalLink" Target="externalLinks/externalLink50.xml"/><Relationship Id="rId106" Type="http://schemas.openxmlformats.org/officeDocument/2006/relationships/externalLink" Target="externalLinks/externalLink99.xml"/><Relationship Id="rId10" Type="http://schemas.openxmlformats.org/officeDocument/2006/relationships/externalLink" Target="externalLinks/externalLink3.xml"/><Relationship Id="rId31" Type="http://schemas.openxmlformats.org/officeDocument/2006/relationships/externalLink" Target="externalLinks/externalLink24.xml"/><Relationship Id="rId44" Type="http://schemas.openxmlformats.org/officeDocument/2006/relationships/externalLink" Target="externalLinks/externalLink37.xml"/><Relationship Id="rId52" Type="http://schemas.openxmlformats.org/officeDocument/2006/relationships/externalLink" Target="externalLinks/externalLink45.xml"/><Relationship Id="rId60" Type="http://schemas.openxmlformats.org/officeDocument/2006/relationships/externalLink" Target="externalLinks/externalLink53.xml"/><Relationship Id="rId65" Type="http://schemas.openxmlformats.org/officeDocument/2006/relationships/externalLink" Target="externalLinks/externalLink58.xml"/><Relationship Id="rId73" Type="http://schemas.openxmlformats.org/officeDocument/2006/relationships/externalLink" Target="externalLinks/externalLink66.xml"/><Relationship Id="rId78" Type="http://schemas.openxmlformats.org/officeDocument/2006/relationships/externalLink" Target="externalLinks/externalLink71.xml"/><Relationship Id="rId81" Type="http://schemas.openxmlformats.org/officeDocument/2006/relationships/externalLink" Target="externalLinks/externalLink74.xml"/><Relationship Id="rId86" Type="http://schemas.openxmlformats.org/officeDocument/2006/relationships/externalLink" Target="externalLinks/externalLink79.xml"/><Relationship Id="rId94" Type="http://schemas.openxmlformats.org/officeDocument/2006/relationships/externalLink" Target="externalLinks/externalLink87.xml"/><Relationship Id="rId99" Type="http://schemas.openxmlformats.org/officeDocument/2006/relationships/externalLink" Target="externalLinks/externalLink92.xml"/><Relationship Id="rId101" Type="http://schemas.openxmlformats.org/officeDocument/2006/relationships/externalLink" Target="externalLinks/externalLink94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3" Type="http://schemas.openxmlformats.org/officeDocument/2006/relationships/externalLink" Target="externalLinks/externalLink6.xml"/><Relationship Id="rId18" Type="http://schemas.openxmlformats.org/officeDocument/2006/relationships/externalLink" Target="externalLinks/externalLink11.xml"/><Relationship Id="rId39" Type="http://schemas.openxmlformats.org/officeDocument/2006/relationships/externalLink" Target="externalLinks/externalLink32.xml"/><Relationship Id="rId109" Type="http://schemas.openxmlformats.org/officeDocument/2006/relationships/styles" Target="styles.xml"/><Relationship Id="rId34" Type="http://schemas.openxmlformats.org/officeDocument/2006/relationships/externalLink" Target="externalLinks/externalLink27.xml"/><Relationship Id="rId50" Type="http://schemas.openxmlformats.org/officeDocument/2006/relationships/externalLink" Target="externalLinks/externalLink43.xml"/><Relationship Id="rId55" Type="http://schemas.openxmlformats.org/officeDocument/2006/relationships/externalLink" Target="externalLinks/externalLink48.xml"/><Relationship Id="rId76" Type="http://schemas.openxmlformats.org/officeDocument/2006/relationships/externalLink" Target="externalLinks/externalLink69.xml"/><Relationship Id="rId97" Type="http://schemas.openxmlformats.org/officeDocument/2006/relationships/externalLink" Target="externalLinks/externalLink90.xml"/><Relationship Id="rId104" Type="http://schemas.openxmlformats.org/officeDocument/2006/relationships/externalLink" Target="externalLinks/externalLink97.xml"/><Relationship Id="rId7" Type="http://schemas.openxmlformats.org/officeDocument/2006/relationships/worksheet" Target="worksheets/sheet7.xml"/><Relationship Id="rId71" Type="http://schemas.openxmlformats.org/officeDocument/2006/relationships/externalLink" Target="externalLinks/externalLink64.xml"/><Relationship Id="rId92" Type="http://schemas.openxmlformats.org/officeDocument/2006/relationships/externalLink" Target="externalLinks/externalLink85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2.xml"/><Relationship Id="rId24" Type="http://schemas.openxmlformats.org/officeDocument/2006/relationships/externalLink" Target="externalLinks/externalLink17.xml"/><Relationship Id="rId40" Type="http://schemas.openxmlformats.org/officeDocument/2006/relationships/externalLink" Target="externalLinks/externalLink33.xml"/><Relationship Id="rId45" Type="http://schemas.openxmlformats.org/officeDocument/2006/relationships/externalLink" Target="externalLinks/externalLink38.xml"/><Relationship Id="rId66" Type="http://schemas.openxmlformats.org/officeDocument/2006/relationships/externalLink" Target="externalLinks/externalLink59.xml"/><Relationship Id="rId87" Type="http://schemas.openxmlformats.org/officeDocument/2006/relationships/externalLink" Target="externalLinks/externalLink80.xml"/><Relationship Id="rId110" Type="http://schemas.openxmlformats.org/officeDocument/2006/relationships/sharedStrings" Target="sharedStrings.xml"/><Relationship Id="rId61" Type="http://schemas.openxmlformats.org/officeDocument/2006/relationships/externalLink" Target="externalLinks/externalLink54.xml"/><Relationship Id="rId82" Type="http://schemas.openxmlformats.org/officeDocument/2006/relationships/externalLink" Target="externalLinks/externalLink75.xml"/><Relationship Id="rId19" Type="http://schemas.openxmlformats.org/officeDocument/2006/relationships/externalLink" Target="externalLinks/externalLink12.xml"/><Relationship Id="rId14" Type="http://schemas.openxmlformats.org/officeDocument/2006/relationships/externalLink" Target="externalLinks/externalLink7.xml"/><Relationship Id="rId30" Type="http://schemas.openxmlformats.org/officeDocument/2006/relationships/externalLink" Target="externalLinks/externalLink23.xml"/><Relationship Id="rId35" Type="http://schemas.openxmlformats.org/officeDocument/2006/relationships/externalLink" Target="externalLinks/externalLink28.xml"/><Relationship Id="rId56" Type="http://schemas.openxmlformats.org/officeDocument/2006/relationships/externalLink" Target="externalLinks/externalLink49.xml"/><Relationship Id="rId77" Type="http://schemas.openxmlformats.org/officeDocument/2006/relationships/externalLink" Target="externalLinks/externalLink70.xml"/><Relationship Id="rId100" Type="http://schemas.openxmlformats.org/officeDocument/2006/relationships/externalLink" Target="externalLinks/externalLink93.xml"/><Relationship Id="rId105" Type="http://schemas.openxmlformats.org/officeDocument/2006/relationships/externalLink" Target="externalLinks/externalLink98.xml"/><Relationship Id="rId8" Type="http://schemas.openxmlformats.org/officeDocument/2006/relationships/externalLink" Target="externalLinks/externalLink1.xml"/><Relationship Id="rId51" Type="http://schemas.openxmlformats.org/officeDocument/2006/relationships/externalLink" Target="externalLinks/externalLink44.xml"/><Relationship Id="rId72" Type="http://schemas.openxmlformats.org/officeDocument/2006/relationships/externalLink" Target="externalLinks/externalLink65.xml"/><Relationship Id="rId93" Type="http://schemas.openxmlformats.org/officeDocument/2006/relationships/externalLink" Target="externalLinks/externalLink86.xml"/><Relationship Id="rId98" Type="http://schemas.openxmlformats.org/officeDocument/2006/relationships/externalLink" Target="externalLinks/externalLink91.xml"/><Relationship Id="rId3" Type="http://schemas.openxmlformats.org/officeDocument/2006/relationships/worksheet" Target="worksheets/sheet3.xml"/><Relationship Id="rId25" Type="http://schemas.openxmlformats.org/officeDocument/2006/relationships/externalLink" Target="externalLinks/externalLink18.xml"/><Relationship Id="rId46" Type="http://schemas.openxmlformats.org/officeDocument/2006/relationships/externalLink" Target="externalLinks/externalLink39.xml"/><Relationship Id="rId67" Type="http://schemas.openxmlformats.org/officeDocument/2006/relationships/externalLink" Target="externalLinks/externalLink60.xml"/><Relationship Id="rId20" Type="http://schemas.openxmlformats.org/officeDocument/2006/relationships/externalLink" Target="externalLinks/externalLink13.xml"/><Relationship Id="rId41" Type="http://schemas.openxmlformats.org/officeDocument/2006/relationships/externalLink" Target="externalLinks/externalLink34.xml"/><Relationship Id="rId62" Type="http://schemas.openxmlformats.org/officeDocument/2006/relationships/externalLink" Target="externalLinks/externalLink55.xml"/><Relationship Id="rId83" Type="http://schemas.openxmlformats.org/officeDocument/2006/relationships/externalLink" Target="externalLinks/externalLink76.xml"/><Relationship Id="rId88" Type="http://schemas.openxmlformats.org/officeDocument/2006/relationships/externalLink" Target="externalLinks/externalLink8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0</xdr:row>
      <xdr:rowOff>0</xdr:rowOff>
    </xdr:from>
    <xdr:to>
      <xdr:col>1</xdr:col>
      <xdr:colOff>0</xdr:colOff>
      <xdr:row>0</xdr:row>
      <xdr:rowOff>0</xdr:rowOff>
    </xdr:to>
    <xdr:sp macro="" textlink="">
      <xdr:nvSpPr>
        <xdr:cNvPr id="5121" name="テキスト 3">
          <a:extLst>
            <a:ext uri="{FF2B5EF4-FFF2-40B4-BE49-F238E27FC236}">
              <a16:creationId xmlns:a16="http://schemas.microsoft.com/office/drawing/2014/main" id="{00000000-0008-0000-0200-000001140000}"/>
            </a:ext>
          </a:extLst>
        </xdr:cNvPr>
        <xdr:cNvSpPr txBox="1">
          <a:spLocks noChangeArrowheads="1"/>
        </xdr:cNvSpPr>
      </xdr:nvSpPr>
      <xdr:spPr bwMode="auto">
        <a:xfrm>
          <a:off x="0" y="0"/>
          <a:ext cx="0" cy="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22860" rIns="36576" bIns="22860" anchor="ctr" upright="1"/>
        <a:lstStyle/>
        <a:p>
          <a:pPr algn="dist" rtl="0"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委託設計書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ty.yokkaichi.mie.jp\&#20849;&#26377;\bak\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QESERVER\02&#25216;&#34899;&#37096;\&#31309;&#31639;\&#25968;&#37327;&#21407;&#32025;\&#19979;&#27700;&#29992;&#32025;\&#19979;&#27700;&#35373;&#35336;&#26360;&#12510;&#12473;&#12479;&#12540;\TESTBook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ty.yokkaichi.mie.jp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5919;&#26408;\&#26368;&#26032;&#29289;&#20214;\&#12471;&#12473;&#12486;&#12512;&#20225;&#30011;\&#27744;&#30000;&#27738;&#27877;\&#35079;&#21512;&#24037;(&#27744;&#30000;&#27738;&#27877;)\bak\Fukumain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4.xml.rels><?xml version="1.0" encoding="UTF-8" standalone="yes"?>
<Relationships xmlns="http://schemas.openxmlformats.org/package/2006/relationships"><Relationship Id="rId2" Type="http://schemas.microsoft.com/office/2019/04/relationships/externalLinkLong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?10252DE4" TargetMode="External"/><Relationship Id="rId1" Type="http://schemas.openxmlformats.org/officeDocument/2006/relationships/externalLinkPath" Target="file:///\\10252DE4\13-1&#65288;&#21029;&#34920;&#31532;&#65300;&#65289;&#26481;&#28023;&#36947;&#32218;&#20057;&#39640;&#24107;&#36947;&#27211;&#12426;&#12423;&#12358;&#25913;&#33391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G&#20849;&#36890;\&#35373;&#35336;&#36039;&#26009;\EXCEL\&#20013;&#20027;\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ty.yokkaichi.mie.jp\&#20849;&#26377;\&#23567;&#26494;&#24066;\&#25552;&#20986;&#29992;\&#21335;&#37096;&#65328;&#65331;\&#21335;&#37096;&#35373;&#35336;&#26360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ty.yokkaichi.mie.jp\&#20849;&#26377;\&#23567;&#26494;&#24066;\&#25552;&#20986;&#29992;\&#21335;&#37096;&#65328;&#65331;\&#21069;&#24029;&#24037;&#20107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&#20234;&#21218;&#65381;&#29066;&#37326;&#35686;&#23519;&#32626;&#32784;&#38663;&#35036;&#24375;&#35373;&#35336;\&#20234;&#21218;&#32626;\&#21335;&#37326;&#23567;&#38598;&#33853;\&#35373;&#35336;&#26360;\8&#26376;29&#26085;&#25552;&#20986;\&#21335;&#37326;&#12288;&#38651;&#27671;&#35373;&#35336;&#26360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</sheet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  <sheetName val="表紙"/>
      <sheetName val="内訳書"/>
      <sheetName val="明細書"/>
      <sheetName val="代価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  <sheetData sheetId="5"/>
      <sheetData sheetId="6"/>
      <sheetData sheetId="7"/>
      <sheetData sheetId="8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  <sheetName val="Sheet2"/>
      <sheetName val="★グラフ用"/>
      <sheetName val="★【経営戦略】　(改定)税込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  <sheetName val="設計書入力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鉄骨集計"/>
      <sheetName val="鉄骨拾い"/>
      <sheetName val="鉄骨DATA"/>
      <sheetName val="工事総括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  <sheetData sheetId="3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  <sheetName val="#REF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  <sheetName val="設計書表紙"/>
      <sheetName val="工事費内訳書"/>
      <sheetName val="内訳書"/>
      <sheetName val="明細書（仮設）"/>
      <sheetName val="明細書（取水井築造）"/>
      <sheetName val="明細書（導水管布設）"/>
      <sheetName val="明細書（場内整備）"/>
      <sheetName val="明細書（撤去工）"/>
      <sheetName val="明細書（ポンプ室改修）"/>
      <sheetName val="明細書（ポンプ室電気設備）"/>
      <sheetName val="明細書（機械）"/>
      <sheetName val="明細書（電気）"/>
      <sheetName val="明細書（防犯設備）"/>
      <sheetName val="明細書（スクラップ）"/>
      <sheetName val="明細書（運搬費）"/>
      <sheetName val="明細書（準備費）"/>
      <sheetName val="明細書（役務費）"/>
      <sheetName val="数量"/>
      <sheetName val="単価表2"/>
      <sheetName val="代価一覧表"/>
      <sheetName val="代価表"/>
      <sheetName val="施工パッケージ表"/>
      <sheetName val="単価表 (土木)"/>
      <sheetName val="単価表"/>
      <sheetName val="見積比較表（土木）"/>
      <sheetName val="見積比較表（ポンプ設備）"/>
      <sheetName val="見積比較表（プラント電気設備）"/>
      <sheetName val="見積比較表（無停電電源設備）"/>
      <sheetName val="見積比較表（計装設備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  <sheetData sheetId="42"/>
      <sheetData sheetId="43"/>
      <sheetData sheetId="44">
        <row r="2">
          <cell r="A2"/>
        </row>
      </sheetData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Ⅶ電気"/>
      <sheetName val="Ⅶ-1幹線"/>
      <sheetName val="Ⅶ-2電灯"/>
      <sheetName val="移動した"/>
    </sheetNames>
    <sheetDataSet>
      <sheetData sheetId="0">
        <row r="1">
          <cell r="B1" t="str">
            <v>　</v>
          </cell>
        </row>
      </sheetData>
      <sheetData sheetId="1"/>
      <sheetData sheetId="2"/>
      <sheetData sheetId="3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indexed="14"/>
    <pageSetUpPr fitToPage="1"/>
  </sheetPr>
  <dimension ref="A1:AX38"/>
  <sheetViews>
    <sheetView showGridLines="0" tabSelected="1" view="pageBreakPreview" zoomScaleNormal="100" zoomScaleSheetLayoutView="100" workbookViewId="0">
      <selection activeCell="A17" sqref="A17:V32"/>
    </sheetView>
  </sheetViews>
  <sheetFormatPr defaultColWidth="9.140625" defaultRowHeight="13.5"/>
  <cols>
    <col min="1" max="7" width="3.42578125" style="74" customWidth="1"/>
    <col min="8" max="8" width="3.42578125" style="75" customWidth="1"/>
    <col min="9" max="15" width="3.5703125" style="75" customWidth="1"/>
    <col min="16" max="27" width="3.5703125" style="74" customWidth="1"/>
    <col min="28" max="28" width="3.42578125" style="74" customWidth="1"/>
    <col min="29" max="30" width="3.28515625" style="74" customWidth="1"/>
    <col min="31" max="32" width="3.140625" style="74" customWidth="1"/>
    <col min="33" max="44" width="3.7109375" style="74" customWidth="1"/>
    <col min="45" max="47" width="9.140625" style="74"/>
    <col min="48" max="48" width="15.7109375" style="74" customWidth="1"/>
    <col min="49" max="16384" width="9.140625" style="74"/>
  </cols>
  <sheetData>
    <row r="1" spans="1:50" s="62" customFormat="1" ht="20.25" customHeight="1">
      <c r="A1" s="303" t="s">
        <v>112</v>
      </c>
      <c r="B1" s="304"/>
      <c r="C1" s="304"/>
      <c r="D1" s="304"/>
      <c r="E1" s="304"/>
      <c r="F1" s="304"/>
      <c r="G1" s="304"/>
      <c r="H1" s="305"/>
      <c r="I1" s="309"/>
      <c r="J1" s="309"/>
      <c r="K1" s="309"/>
      <c r="L1" s="309"/>
      <c r="M1" s="309"/>
      <c r="N1" s="310" t="s">
        <v>42</v>
      </c>
      <c r="O1" s="310"/>
      <c r="P1" s="310"/>
      <c r="Q1" s="310"/>
      <c r="R1" s="310"/>
      <c r="S1" s="310"/>
      <c r="T1" s="310"/>
      <c r="U1" s="310"/>
      <c r="V1" s="310"/>
      <c r="W1" s="310"/>
      <c r="X1" s="310"/>
      <c r="Y1" s="310"/>
      <c r="Z1" s="310"/>
      <c r="AA1" s="310"/>
      <c r="AB1" s="310"/>
      <c r="AC1" s="310"/>
      <c r="AD1" s="310"/>
      <c r="AE1" s="310"/>
      <c r="AF1" s="310"/>
      <c r="AG1" s="312" t="s">
        <v>8</v>
      </c>
      <c r="AH1" s="312"/>
      <c r="AI1" s="312"/>
      <c r="AJ1" s="312"/>
      <c r="AK1" s="312"/>
      <c r="AL1" s="312"/>
      <c r="AM1" s="312"/>
      <c r="AN1" s="312"/>
      <c r="AO1" s="312"/>
      <c r="AP1" s="312"/>
      <c r="AQ1" s="312"/>
      <c r="AR1" s="313"/>
      <c r="AT1" s="63"/>
    </row>
    <row r="2" spans="1:50" s="62" customFormat="1" ht="20.25" customHeight="1">
      <c r="A2" s="306"/>
      <c r="B2" s="307"/>
      <c r="C2" s="307"/>
      <c r="D2" s="307"/>
      <c r="E2" s="307"/>
      <c r="F2" s="307"/>
      <c r="G2" s="307"/>
      <c r="H2" s="308"/>
      <c r="I2" s="316" t="s">
        <v>43</v>
      </c>
      <c r="J2" s="317"/>
      <c r="K2" s="317"/>
      <c r="L2" s="317"/>
      <c r="M2" s="317"/>
      <c r="N2" s="311"/>
      <c r="O2" s="311"/>
      <c r="P2" s="311"/>
      <c r="Q2" s="311"/>
      <c r="R2" s="311"/>
      <c r="S2" s="311"/>
      <c r="T2" s="311"/>
      <c r="U2" s="311"/>
      <c r="V2" s="311"/>
      <c r="W2" s="311"/>
      <c r="X2" s="311"/>
      <c r="Y2" s="311"/>
      <c r="Z2" s="311"/>
      <c r="AA2" s="311"/>
      <c r="AB2" s="311"/>
      <c r="AC2" s="311"/>
      <c r="AD2" s="311"/>
      <c r="AE2" s="311"/>
      <c r="AF2" s="311"/>
      <c r="AG2" s="314"/>
      <c r="AH2" s="314"/>
      <c r="AI2" s="314"/>
      <c r="AJ2" s="314"/>
      <c r="AK2" s="314"/>
      <c r="AL2" s="314"/>
      <c r="AM2" s="314"/>
      <c r="AN2" s="314"/>
      <c r="AO2" s="314"/>
      <c r="AP2" s="314"/>
      <c r="AQ2" s="314"/>
      <c r="AR2" s="315"/>
      <c r="AT2" s="64"/>
    </row>
    <row r="3" spans="1:50" s="62" customFormat="1" ht="21" customHeight="1">
      <c r="A3" s="318" t="s">
        <v>44</v>
      </c>
      <c r="B3" s="318"/>
      <c r="C3" s="318"/>
      <c r="D3" s="318"/>
      <c r="E3" s="318"/>
      <c r="F3" s="318"/>
      <c r="G3" s="318"/>
      <c r="H3" s="319"/>
      <c r="I3" s="320" t="s">
        <v>92</v>
      </c>
      <c r="J3" s="321"/>
      <c r="K3" s="321"/>
      <c r="L3" s="321"/>
      <c r="M3" s="321"/>
      <c r="N3" s="321"/>
      <c r="O3" s="321"/>
      <c r="P3" s="321"/>
      <c r="Q3" s="321"/>
      <c r="R3" s="321"/>
      <c r="S3" s="321"/>
      <c r="T3" s="321"/>
      <c r="U3" s="321"/>
      <c r="V3" s="321"/>
      <c r="W3" s="321"/>
      <c r="X3" s="321"/>
      <c r="Y3" s="321"/>
      <c r="Z3" s="321"/>
      <c r="AA3" s="321"/>
      <c r="AB3" s="321"/>
      <c r="AC3" s="321"/>
      <c r="AD3" s="321"/>
      <c r="AE3" s="321"/>
      <c r="AF3" s="322"/>
      <c r="AG3" s="327" t="s">
        <v>45</v>
      </c>
      <c r="AH3" s="328"/>
      <c r="AI3" s="329" t="s">
        <v>46</v>
      </c>
      <c r="AJ3" s="327"/>
      <c r="AK3" s="327"/>
      <c r="AL3" s="327"/>
      <c r="AM3" s="327"/>
      <c r="AN3" s="327"/>
      <c r="AO3" s="327"/>
      <c r="AP3" s="327"/>
      <c r="AQ3" s="327"/>
      <c r="AR3" s="330"/>
      <c r="AT3" s="64"/>
    </row>
    <row r="4" spans="1:50" s="62" customFormat="1" ht="21" customHeight="1">
      <c r="A4" s="318"/>
      <c r="B4" s="318"/>
      <c r="C4" s="318"/>
      <c r="D4" s="318"/>
      <c r="E4" s="318"/>
      <c r="F4" s="318"/>
      <c r="G4" s="318"/>
      <c r="H4" s="319"/>
      <c r="I4" s="323"/>
      <c r="J4" s="324"/>
      <c r="K4" s="324"/>
      <c r="L4" s="324"/>
      <c r="M4" s="324"/>
      <c r="N4" s="324"/>
      <c r="O4" s="324"/>
      <c r="P4" s="324"/>
      <c r="Q4" s="324"/>
      <c r="R4" s="324"/>
      <c r="S4" s="324"/>
      <c r="T4" s="324"/>
      <c r="U4" s="324"/>
      <c r="V4" s="324"/>
      <c r="W4" s="324"/>
      <c r="X4" s="324"/>
      <c r="Y4" s="324"/>
      <c r="Z4" s="324"/>
      <c r="AA4" s="324"/>
      <c r="AB4" s="324"/>
      <c r="AC4" s="324"/>
      <c r="AD4" s="324"/>
      <c r="AE4" s="324"/>
      <c r="AF4" s="325"/>
      <c r="AG4" s="327"/>
      <c r="AH4" s="328"/>
      <c r="AI4" s="329"/>
      <c r="AJ4" s="327"/>
      <c r="AK4" s="327"/>
      <c r="AL4" s="327"/>
      <c r="AM4" s="327"/>
      <c r="AN4" s="327"/>
      <c r="AO4" s="327"/>
      <c r="AP4" s="327"/>
      <c r="AQ4" s="327"/>
      <c r="AR4" s="330"/>
    </row>
    <row r="5" spans="1:50" s="62" customFormat="1" ht="21" customHeight="1">
      <c r="A5" s="318"/>
      <c r="B5" s="318"/>
      <c r="C5" s="318"/>
      <c r="D5" s="318"/>
      <c r="E5" s="318"/>
      <c r="F5" s="318"/>
      <c r="G5" s="318"/>
      <c r="H5" s="319"/>
      <c r="I5" s="326"/>
      <c r="J5" s="307"/>
      <c r="K5" s="307"/>
      <c r="L5" s="307"/>
      <c r="M5" s="307"/>
      <c r="N5" s="307"/>
      <c r="O5" s="307"/>
      <c r="P5" s="307"/>
      <c r="Q5" s="307"/>
      <c r="R5" s="307"/>
      <c r="S5" s="307"/>
      <c r="T5" s="307"/>
      <c r="U5" s="307"/>
      <c r="V5" s="307"/>
      <c r="W5" s="307"/>
      <c r="X5" s="307"/>
      <c r="Y5" s="307"/>
      <c r="Z5" s="307"/>
      <c r="AA5" s="307"/>
      <c r="AB5" s="307"/>
      <c r="AC5" s="307"/>
      <c r="AD5" s="307"/>
      <c r="AE5" s="307"/>
      <c r="AF5" s="308"/>
      <c r="AG5" s="327" t="s">
        <v>47</v>
      </c>
      <c r="AH5" s="327"/>
      <c r="AI5" s="327"/>
      <c r="AJ5" s="327"/>
      <c r="AK5" s="331" t="s">
        <v>48</v>
      </c>
      <c r="AL5" s="331"/>
      <c r="AM5" s="327"/>
      <c r="AN5" s="327"/>
      <c r="AO5" s="327" t="s">
        <v>49</v>
      </c>
      <c r="AP5" s="327"/>
      <c r="AQ5" s="332"/>
      <c r="AR5" s="333"/>
    </row>
    <row r="6" spans="1:50" s="62" customFormat="1" ht="21" customHeight="1">
      <c r="A6" s="318" t="s">
        <v>50</v>
      </c>
      <c r="B6" s="318"/>
      <c r="C6" s="318"/>
      <c r="D6" s="318"/>
      <c r="E6" s="318"/>
      <c r="F6" s="318"/>
      <c r="G6" s="318"/>
      <c r="H6" s="319"/>
      <c r="I6" s="338" t="s">
        <v>113</v>
      </c>
      <c r="J6" s="339"/>
      <c r="K6" s="339"/>
      <c r="L6" s="339"/>
      <c r="M6" s="339"/>
      <c r="N6" s="339"/>
      <c r="O6" s="339"/>
      <c r="P6" s="339"/>
      <c r="Q6" s="339"/>
      <c r="R6" s="339"/>
      <c r="S6" s="339"/>
      <c r="T6" s="339"/>
      <c r="U6" s="339"/>
      <c r="V6" s="339"/>
      <c r="W6" s="339"/>
      <c r="X6" s="339"/>
      <c r="Y6" s="339"/>
      <c r="Z6" s="339"/>
      <c r="AA6" s="339"/>
      <c r="AB6" s="339"/>
      <c r="AC6" s="339"/>
      <c r="AD6" s="339"/>
      <c r="AE6" s="339"/>
      <c r="AF6" s="340"/>
      <c r="AG6" s="327"/>
      <c r="AH6" s="327"/>
      <c r="AI6" s="327"/>
      <c r="AJ6" s="327"/>
      <c r="AK6" s="331"/>
      <c r="AL6" s="331"/>
      <c r="AM6" s="327"/>
      <c r="AN6" s="327"/>
      <c r="AO6" s="327"/>
      <c r="AP6" s="327"/>
      <c r="AQ6" s="334"/>
      <c r="AR6" s="335"/>
    </row>
    <row r="7" spans="1:50" s="62" customFormat="1" ht="21" customHeight="1">
      <c r="A7" s="318"/>
      <c r="B7" s="318"/>
      <c r="C7" s="318"/>
      <c r="D7" s="318"/>
      <c r="E7" s="318"/>
      <c r="F7" s="318"/>
      <c r="G7" s="318"/>
      <c r="H7" s="319"/>
      <c r="I7" s="341"/>
      <c r="J7" s="342"/>
      <c r="K7" s="342"/>
      <c r="L7" s="342"/>
      <c r="M7" s="342"/>
      <c r="N7" s="342"/>
      <c r="O7" s="342"/>
      <c r="P7" s="342"/>
      <c r="Q7" s="342"/>
      <c r="R7" s="342"/>
      <c r="S7" s="342"/>
      <c r="T7" s="342"/>
      <c r="U7" s="342"/>
      <c r="V7" s="342"/>
      <c r="W7" s="342"/>
      <c r="X7" s="342"/>
      <c r="Y7" s="342"/>
      <c r="Z7" s="342"/>
      <c r="AA7" s="342"/>
      <c r="AB7" s="342"/>
      <c r="AC7" s="342"/>
      <c r="AD7" s="342"/>
      <c r="AE7" s="342"/>
      <c r="AF7" s="343"/>
      <c r="AG7" s="327"/>
      <c r="AH7" s="327"/>
      <c r="AI7" s="327"/>
      <c r="AJ7" s="327"/>
      <c r="AK7" s="331"/>
      <c r="AL7" s="331"/>
      <c r="AM7" s="327"/>
      <c r="AN7" s="327"/>
      <c r="AO7" s="327"/>
      <c r="AP7" s="327"/>
      <c r="AQ7" s="336"/>
      <c r="AR7" s="337"/>
    </row>
    <row r="8" spans="1:50" s="62" customFormat="1" ht="21" customHeight="1">
      <c r="A8" s="318"/>
      <c r="B8" s="318"/>
      <c r="C8" s="318"/>
      <c r="D8" s="318"/>
      <c r="E8" s="318"/>
      <c r="F8" s="318"/>
      <c r="G8" s="318"/>
      <c r="H8" s="319"/>
      <c r="I8" s="344"/>
      <c r="J8" s="345"/>
      <c r="K8" s="345"/>
      <c r="L8" s="345"/>
      <c r="M8" s="345"/>
      <c r="N8" s="345"/>
      <c r="O8" s="345"/>
      <c r="P8" s="345"/>
      <c r="Q8" s="345"/>
      <c r="R8" s="345"/>
      <c r="S8" s="345"/>
      <c r="T8" s="345"/>
      <c r="U8" s="345"/>
      <c r="V8" s="345"/>
      <c r="W8" s="345"/>
      <c r="X8" s="345"/>
      <c r="Y8" s="345"/>
      <c r="Z8" s="345"/>
      <c r="AA8" s="345"/>
      <c r="AB8" s="345"/>
      <c r="AC8" s="345"/>
      <c r="AD8" s="345"/>
      <c r="AE8" s="345"/>
      <c r="AF8" s="346"/>
      <c r="AG8" s="327" t="s">
        <v>51</v>
      </c>
      <c r="AH8" s="327"/>
      <c r="AI8" s="332"/>
      <c r="AJ8" s="347"/>
      <c r="AK8" s="347"/>
      <c r="AL8" s="347"/>
      <c r="AM8" s="347"/>
      <c r="AN8" s="347"/>
      <c r="AO8" s="347"/>
      <c r="AP8" s="347"/>
      <c r="AQ8" s="347"/>
      <c r="AR8" s="333"/>
    </row>
    <row r="9" spans="1:50" s="62" customFormat="1" ht="21" customHeight="1">
      <c r="A9" s="318" t="s">
        <v>52</v>
      </c>
      <c r="B9" s="318"/>
      <c r="C9" s="318"/>
      <c r="D9" s="318"/>
      <c r="E9" s="318"/>
      <c r="F9" s="318"/>
      <c r="G9" s="318"/>
      <c r="H9" s="319"/>
      <c r="I9" s="65"/>
      <c r="J9" s="65"/>
      <c r="K9" s="65"/>
      <c r="L9" s="65"/>
      <c r="M9" s="65"/>
      <c r="N9" s="65"/>
      <c r="O9" s="65"/>
      <c r="P9" s="66"/>
      <c r="Q9" s="66"/>
      <c r="R9" s="66"/>
      <c r="S9" s="66"/>
      <c r="T9" s="66"/>
      <c r="U9" s="66"/>
      <c r="V9" s="66"/>
      <c r="W9" s="66"/>
      <c r="X9" s="67"/>
      <c r="Y9" s="67"/>
      <c r="Z9" s="67"/>
      <c r="AA9" s="67"/>
      <c r="AB9" s="67"/>
      <c r="AC9" s="67"/>
      <c r="AD9" s="67"/>
      <c r="AE9" s="67"/>
      <c r="AF9" s="67"/>
      <c r="AG9" s="327"/>
      <c r="AH9" s="327"/>
      <c r="AI9" s="336"/>
      <c r="AJ9" s="348"/>
      <c r="AK9" s="348"/>
      <c r="AL9" s="348"/>
      <c r="AM9" s="348"/>
      <c r="AN9" s="348"/>
      <c r="AO9" s="348"/>
      <c r="AP9" s="348"/>
      <c r="AQ9" s="348"/>
      <c r="AR9" s="337"/>
    </row>
    <row r="10" spans="1:50" s="62" customFormat="1" ht="21" customHeight="1">
      <c r="A10" s="318"/>
      <c r="B10" s="318"/>
      <c r="C10" s="318"/>
      <c r="D10" s="318"/>
      <c r="E10" s="318"/>
      <c r="F10" s="318"/>
      <c r="G10" s="318"/>
      <c r="H10" s="319"/>
      <c r="I10" s="68"/>
      <c r="J10" s="68"/>
      <c r="K10" s="68"/>
      <c r="L10" s="69"/>
      <c r="N10" s="70" t="s">
        <v>53</v>
      </c>
      <c r="O10" s="369"/>
      <c r="P10" s="369"/>
      <c r="Q10" s="369"/>
      <c r="R10" s="369"/>
      <c r="S10" s="369"/>
      <c r="T10" s="369"/>
      <c r="U10" s="369"/>
      <c r="V10" s="369"/>
      <c r="W10" s="369"/>
      <c r="X10" s="369"/>
      <c r="Y10" s="69" t="s">
        <v>54</v>
      </c>
      <c r="AG10" s="327" t="s">
        <v>55</v>
      </c>
      <c r="AH10" s="328"/>
      <c r="AI10" s="329" t="s">
        <v>46</v>
      </c>
      <c r="AJ10" s="327"/>
      <c r="AK10" s="327"/>
      <c r="AL10" s="327"/>
      <c r="AM10" s="327"/>
      <c r="AN10" s="327"/>
      <c r="AO10" s="327"/>
      <c r="AP10" s="327"/>
      <c r="AQ10" s="327"/>
      <c r="AR10" s="330"/>
    </row>
    <row r="11" spans="1:50" s="62" customFormat="1" ht="21" customHeight="1">
      <c r="A11" s="318"/>
      <c r="B11" s="318"/>
      <c r="C11" s="318"/>
      <c r="D11" s="318"/>
      <c r="E11" s="318"/>
      <c r="F11" s="318"/>
      <c r="G11" s="318"/>
      <c r="H11" s="319"/>
      <c r="I11" s="71"/>
      <c r="J11" s="71"/>
      <c r="K11" s="71"/>
      <c r="L11" s="71"/>
      <c r="M11" s="71"/>
      <c r="N11" s="71"/>
      <c r="O11" s="71"/>
      <c r="P11" s="72"/>
      <c r="Q11" s="72"/>
      <c r="R11" s="72"/>
      <c r="S11" s="72"/>
      <c r="T11" s="72"/>
      <c r="U11" s="72"/>
      <c r="V11" s="72"/>
      <c r="W11" s="72"/>
      <c r="X11" s="72"/>
      <c r="Y11" s="72"/>
      <c r="Z11" s="72"/>
      <c r="AA11" s="72"/>
      <c r="AB11" s="72"/>
      <c r="AC11" s="72"/>
      <c r="AD11" s="72"/>
      <c r="AE11" s="72"/>
      <c r="AF11" s="72"/>
      <c r="AG11" s="327"/>
      <c r="AH11" s="328"/>
      <c r="AI11" s="329"/>
      <c r="AJ11" s="327"/>
      <c r="AK11" s="327"/>
      <c r="AL11" s="327"/>
      <c r="AM11" s="327"/>
      <c r="AN11" s="327"/>
      <c r="AO11" s="327"/>
      <c r="AP11" s="327"/>
      <c r="AQ11" s="327"/>
      <c r="AR11" s="330"/>
    </row>
    <row r="12" spans="1:50" s="62" customFormat="1" ht="21" customHeight="1">
      <c r="A12" s="318" t="s">
        <v>56</v>
      </c>
      <c r="B12" s="318"/>
      <c r="C12" s="318"/>
      <c r="D12" s="318"/>
      <c r="E12" s="318"/>
      <c r="F12" s="318"/>
      <c r="G12" s="318"/>
      <c r="H12" s="319"/>
      <c r="I12" s="64"/>
      <c r="J12" s="64"/>
      <c r="K12" s="64"/>
      <c r="L12" s="64"/>
      <c r="M12" s="64"/>
      <c r="N12" s="64"/>
      <c r="O12" s="64"/>
      <c r="AG12" s="327" t="s">
        <v>55</v>
      </c>
      <c r="AH12" s="327"/>
      <c r="AI12" s="327"/>
      <c r="AJ12" s="327"/>
      <c r="AK12" s="327"/>
      <c r="AL12" s="327"/>
      <c r="AM12" s="327" t="s">
        <v>57</v>
      </c>
      <c r="AN12" s="327"/>
      <c r="AO12" s="332"/>
      <c r="AP12" s="347"/>
      <c r="AQ12" s="347"/>
      <c r="AR12" s="333"/>
    </row>
    <row r="13" spans="1:50" s="62" customFormat="1" ht="21" customHeight="1">
      <c r="A13" s="318"/>
      <c r="B13" s="318"/>
      <c r="C13" s="318"/>
      <c r="D13" s="318"/>
      <c r="E13" s="318"/>
      <c r="F13" s="318"/>
      <c r="G13" s="318"/>
      <c r="H13" s="319"/>
      <c r="I13" s="64"/>
      <c r="L13" s="64"/>
      <c r="N13" s="73" t="s">
        <v>58</v>
      </c>
      <c r="O13" s="368">
        <v>46381</v>
      </c>
      <c r="P13" s="368"/>
      <c r="Q13" s="368"/>
      <c r="R13" s="368"/>
      <c r="S13" s="368"/>
      <c r="T13" s="368"/>
      <c r="U13" s="368"/>
      <c r="V13" s="368"/>
      <c r="W13" s="368"/>
      <c r="X13" s="368"/>
      <c r="Y13" s="68" t="s">
        <v>59</v>
      </c>
      <c r="Z13" s="68"/>
      <c r="AA13" s="68"/>
      <c r="AB13" s="68"/>
      <c r="AC13" s="68"/>
      <c r="AD13" s="68"/>
      <c r="AE13" s="68"/>
      <c r="AF13" s="68"/>
      <c r="AG13" s="327"/>
      <c r="AH13" s="327"/>
      <c r="AI13" s="327"/>
      <c r="AJ13" s="327"/>
      <c r="AK13" s="327"/>
      <c r="AL13" s="327"/>
      <c r="AM13" s="327"/>
      <c r="AN13" s="327"/>
      <c r="AO13" s="334"/>
      <c r="AP13" s="367"/>
      <c r="AQ13" s="367"/>
      <c r="AR13" s="335"/>
    </row>
    <row r="14" spans="1:50" s="62" customFormat="1" ht="21" customHeight="1">
      <c r="A14" s="318"/>
      <c r="B14" s="318"/>
      <c r="C14" s="318"/>
      <c r="D14" s="318"/>
      <c r="E14" s="318"/>
      <c r="F14" s="318"/>
      <c r="G14" s="318"/>
      <c r="H14" s="319"/>
      <c r="I14" s="64"/>
      <c r="J14" s="64"/>
      <c r="K14" s="64"/>
      <c r="L14" s="64"/>
      <c r="M14" s="64"/>
      <c r="N14" s="64"/>
      <c r="O14" s="64"/>
      <c r="AG14" s="327"/>
      <c r="AH14" s="327"/>
      <c r="AI14" s="327"/>
      <c r="AJ14" s="327"/>
      <c r="AK14" s="327"/>
      <c r="AL14" s="327"/>
      <c r="AM14" s="327"/>
      <c r="AN14" s="327"/>
      <c r="AO14" s="336"/>
      <c r="AP14" s="348"/>
      <c r="AQ14" s="348"/>
      <c r="AR14" s="337"/>
      <c r="AX14" s="62" t="s">
        <v>60</v>
      </c>
    </row>
    <row r="15" spans="1:50" s="62" customFormat="1" ht="13.5" customHeight="1">
      <c r="A15" s="370" t="s">
        <v>61</v>
      </c>
      <c r="B15" s="347"/>
      <c r="C15" s="347"/>
      <c r="D15" s="347"/>
      <c r="E15" s="347"/>
      <c r="F15" s="347"/>
      <c r="G15" s="347"/>
      <c r="H15" s="347"/>
      <c r="I15" s="347"/>
      <c r="J15" s="347"/>
      <c r="K15" s="347"/>
      <c r="L15" s="347"/>
      <c r="M15" s="347"/>
      <c r="N15" s="347"/>
      <c r="O15" s="347"/>
      <c r="P15" s="347"/>
      <c r="Q15" s="347"/>
      <c r="R15" s="347"/>
      <c r="S15" s="347"/>
      <c r="T15" s="347"/>
      <c r="U15" s="347"/>
      <c r="V15" s="371"/>
      <c r="W15" s="347" t="s">
        <v>62</v>
      </c>
      <c r="X15" s="347"/>
      <c r="Y15" s="347"/>
      <c r="Z15" s="347"/>
      <c r="AA15" s="347"/>
      <c r="AB15" s="347"/>
      <c r="AC15" s="347"/>
      <c r="AD15" s="347"/>
      <c r="AE15" s="347"/>
      <c r="AF15" s="347"/>
      <c r="AG15" s="347"/>
      <c r="AH15" s="347"/>
      <c r="AI15" s="347"/>
      <c r="AJ15" s="347"/>
      <c r="AK15" s="347"/>
      <c r="AL15" s="347"/>
      <c r="AM15" s="347"/>
      <c r="AN15" s="347"/>
      <c r="AO15" s="347"/>
      <c r="AP15" s="347"/>
      <c r="AQ15" s="347"/>
      <c r="AR15" s="333"/>
    </row>
    <row r="16" spans="1:50" s="62" customFormat="1" ht="13.5" customHeight="1">
      <c r="A16" s="372"/>
      <c r="B16" s="348"/>
      <c r="C16" s="348"/>
      <c r="D16" s="348"/>
      <c r="E16" s="348"/>
      <c r="F16" s="348"/>
      <c r="G16" s="348"/>
      <c r="H16" s="348"/>
      <c r="I16" s="348"/>
      <c r="J16" s="348"/>
      <c r="K16" s="348"/>
      <c r="L16" s="348"/>
      <c r="M16" s="348"/>
      <c r="N16" s="348"/>
      <c r="O16" s="348"/>
      <c r="P16" s="348"/>
      <c r="Q16" s="348"/>
      <c r="R16" s="348"/>
      <c r="S16" s="348"/>
      <c r="T16" s="348"/>
      <c r="U16" s="348"/>
      <c r="V16" s="316"/>
      <c r="W16" s="348"/>
      <c r="X16" s="348"/>
      <c r="Y16" s="348"/>
      <c r="Z16" s="348"/>
      <c r="AA16" s="348"/>
      <c r="AB16" s="348"/>
      <c r="AC16" s="348"/>
      <c r="AD16" s="348"/>
      <c r="AE16" s="348"/>
      <c r="AF16" s="348"/>
      <c r="AG16" s="348"/>
      <c r="AH16" s="348"/>
      <c r="AI16" s="348"/>
      <c r="AJ16" s="348"/>
      <c r="AK16" s="348"/>
      <c r="AL16" s="348"/>
      <c r="AM16" s="348"/>
      <c r="AN16" s="348"/>
      <c r="AO16" s="348"/>
      <c r="AP16" s="348"/>
      <c r="AQ16" s="348"/>
      <c r="AR16" s="337"/>
    </row>
    <row r="17" spans="1:44" s="62" customFormat="1" ht="13.5" customHeight="1">
      <c r="A17" s="349" t="s">
        <v>116</v>
      </c>
      <c r="B17" s="350"/>
      <c r="C17" s="350"/>
      <c r="D17" s="350"/>
      <c r="E17" s="350"/>
      <c r="F17" s="350"/>
      <c r="G17" s="350"/>
      <c r="H17" s="350"/>
      <c r="I17" s="350"/>
      <c r="J17" s="350"/>
      <c r="K17" s="350"/>
      <c r="L17" s="350"/>
      <c r="M17" s="350"/>
      <c r="N17" s="350"/>
      <c r="O17" s="350"/>
      <c r="P17" s="350"/>
      <c r="Q17" s="350"/>
      <c r="R17" s="350"/>
      <c r="S17" s="350"/>
      <c r="T17" s="350"/>
      <c r="U17" s="350"/>
      <c r="V17" s="351"/>
      <c r="W17" s="358" t="s">
        <v>114</v>
      </c>
      <c r="X17" s="359"/>
      <c r="Y17" s="359"/>
      <c r="Z17" s="359"/>
      <c r="AA17" s="359"/>
      <c r="AB17" s="359"/>
      <c r="AC17" s="359"/>
      <c r="AD17" s="359"/>
      <c r="AE17" s="359"/>
      <c r="AF17" s="359"/>
      <c r="AG17" s="359"/>
      <c r="AH17" s="359"/>
      <c r="AI17" s="359"/>
      <c r="AJ17" s="359"/>
      <c r="AK17" s="359"/>
      <c r="AL17" s="359"/>
      <c r="AM17" s="359"/>
      <c r="AN17" s="359"/>
      <c r="AO17" s="359"/>
      <c r="AP17" s="359"/>
      <c r="AQ17" s="359"/>
      <c r="AR17" s="360"/>
    </row>
    <row r="18" spans="1:44" s="62" customFormat="1" ht="13.5" customHeight="1">
      <c r="A18" s="352"/>
      <c r="B18" s="353"/>
      <c r="C18" s="353"/>
      <c r="D18" s="353"/>
      <c r="E18" s="353"/>
      <c r="F18" s="353"/>
      <c r="G18" s="353"/>
      <c r="H18" s="353"/>
      <c r="I18" s="353"/>
      <c r="J18" s="353"/>
      <c r="K18" s="353"/>
      <c r="L18" s="353"/>
      <c r="M18" s="353"/>
      <c r="N18" s="353"/>
      <c r="O18" s="353"/>
      <c r="P18" s="353"/>
      <c r="Q18" s="353"/>
      <c r="R18" s="353"/>
      <c r="S18" s="353"/>
      <c r="T18" s="353"/>
      <c r="U18" s="353"/>
      <c r="V18" s="354"/>
      <c r="W18" s="361"/>
      <c r="X18" s="362"/>
      <c r="Y18" s="362"/>
      <c r="Z18" s="362"/>
      <c r="AA18" s="362"/>
      <c r="AB18" s="362"/>
      <c r="AC18" s="362"/>
      <c r="AD18" s="362"/>
      <c r="AE18" s="362"/>
      <c r="AF18" s="362"/>
      <c r="AG18" s="362"/>
      <c r="AH18" s="362"/>
      <c r="AI18" s="362"/>
      <c r="AJ18" s="362"/>
      <c r="AK18" s="362"/>
      <c r="AL18" s="362"/>
      <c r="AM18" s="362"/>
      <c r="AN18" s="362"/>
      <c r="AO18" s="362"/>
      <c r="AP18" s="362"/>
      <c r="AQ18" s="362"/>
      <c r="AR18" s="363"/>
    </row>
    <row r="19" spans="1:44" s="62" customFormat="1" ht="13.5" customHeight="1">
      <c r="A19" s="352"/>
      <c r="B19" s="353"/>
      <c r="C19" s="353"/>
      <c r="D19" s="353"/>
      <c r="E19" s="353"/>
      <c r="F19" s="353"/>
      <c r="G19" s="353"/>
      <c r="H19" s="353"/>
      <c r="I19" s="353"/>
      <c r="J19" s="353"/>
      <c r="K19" s="353"/>
      <c r="L19" s="353"/>
      <c r="M19" s="353"/>
      <c r="N19" s="353"/>
      <c r="O19" s="353"/>
      <c r="P19" s="353"/>
      <c r="Q19" s="353"/>
      <c r="R19" s="353"/>
      <c r="S19" s="353"/>
      <c r="T19" s="353"/>
      <c r="U19" s="353"/>
      <c r="V19" s="354"/>
      <c r="W19" s="361"/>
      <c r="X19" s="362"/>
      <c r="Y19" s="362"/>
      <c r="Z19" s="362"/>
      <c r="AA19" s="362"/>
      <c r="AB19" s="362"/>
      <c r="AC19" s="362"/>
      <c r="AD19" s="362"/>
      <c r="AE19" s="362"/>
      <c r="AF19" s="362"/>
      <c r="AG19" s="362"/>
      <c r="AH19" s="362"/>
      <c r="AI19" s="362"/>
      <c r="AJ19" s="362"/>
      <c r="AK19" s="362"/>
      <c r="AL19" s="362"/>
      <c r="AM19" s="362"/>
      <c r="AN19" s="362"/>
      <c r="AO19" s="362"/>
      <c r="AP19" s="362"/>
      <c r="AQ19" s="362"/>
      <c r="AR19" s="363"/>
    </row>
    <row r="20" spans="1:44" s="62" customFormat="1" ht="13.5" customHeight="1">
      <c r="A20" s="352"/>
      <c r="B20" s="353"/>
      <c r="C20" s="353"/>
      <c r="D20" s="353"/>
      <c r="E20" s="353"/>
      <c r="F20" s="353"/>
      <c r="G20" s="353"/>
      <c r="H20" s="353"/>
      <c r="I20" s="353"/>
      <c r="J20" s="353"/>
      <c r="K20" s="353"/>
      <c r="L20" s="353"/>
      <c r="M20" s="353"/>
      <c r="N20" s="353"/>
      <c r="O20" s="353"/>
      <c r="P20" s="353"/>
      <c r="Q20" s="353"/>
      <c r="R20" s="353"/>
      <c r="S20" s="353"/>
      <c r="T20" s="353"/>
      <c r="U20" s="353"/>
      <c r="V20" s="354"/>
      <c r="W20" s="361"/>
      <c r="X20" s="362"/>
      <c r="Y20" s="362"/>
      <c r="Z20" s="362"/>
      <c r="AA20" s="362"/>
      <c r="AB20" s="362"/>
      <c r="AC20" s="362"/>
      <c r="AD20" s="362"/>
      <c r="AE20" s="362"/>
      <c r="AF20" s="362"/>
      <c r="AG20" s="362"/>
      <c r="AH20" s="362"/>
      <c r="AI20" s="362"/>
      <c r="AJ20" s="362"/>
      <c r="AK20" s="362"/>
      <c r="AL20" s="362"/>
      <c r="AM20" s="362"/>
      <c r="AN20" s="362"/>
      <c r="AO20" s="362"/>
      <c r="AP20" s="362"/>
      <c r="AQ20" s="362"/>
      <c r="AR20" s="363"/>
    </row>
    <row r="21" spans="1:44" s="62" customFormat="1" ht="13.5" customHeight="1">
      <c r="A21" s="352"/>
      <c r="B21" s="353"/>
      <c r="C21" s="353"/>
      <c r="D21" s="353"/>
      <c r="E21" s="353"/>
      <c r="F21" s="353"/>
      <c r="G21" s="353"/>
      <c r="H21" s="353"/>
      <c r="I21" s="353"/>
      <c r="J21" s="353"/>
      <c r="K21" s="353"/>
      <c r="L21" s="353"/>
      <c r="M21" s="353"/>
      <c r="N21" s="353"/>
      <c r="O21" s="353"/>
      <c r="P21" s="353"/>
      <c r="Q21" s="353"/>
      <c r="R21" s="353"/>
      <c r="S21" s="353"/>
      <c r="T21" s="353"/>
      <c r="U21" s="353"/>
      <c r="V21" s="354"/>
      <c r="W21" s="361"/>
      <c r="X21" s="362"/>
      <c r="Y21" s="362"/>
      <c r="Z21" s="362"/>
      <c r="AA21" s="362"/>
      <c r="AB21" s="362"/>
      <c r="AC21" s="362"/>
      <c r="AD21" s="362"/>
      <c r="AE21" s="362"/>
      <c r="AF21" s="362"/>
      <c r="AG21" s="362"/>
      <c r="AH21" s="362"/>
      <c r="AI21" s="362"/>
      <c r="AJ21" s="362"/>
      <c r="AK21" s="362"/>
      <c r="AL21" s="362"/>
      <c r="AM21" s="362"/>
      <c r="AN21" s="362"/>
      <c r="AO21" s="362"/>
      <c r="AP21" s="362"/>
      <c r="AQ21" s="362"/>
      <c r="AR21" s="363"/>
    </row>
    <row r="22" spans="1:44" s="62" customFormat="1" ht="13.5" customHeight="1">
      <c r="A22" s="352"/>
      <c r="B22" s="353"/>
      <c r="C22" s="353"/>
      <c r="D22" s="353"/>
      <c r="E22" s="353"/>
      <c r="F22" s="353"/>
      <c r="G22" s="353"/>
      <c r="H22" s="353"/>
      <c r="I22" s="353"/>
      <c r="J22" s="353"/>
      <c r="K22" s="353"/>
      <c r="L22" s="353"/>
      <c r="M22" s="353"/>
      <c r="N22" s="353"/>
      <c r="O22" s="353"/>
      <c r="P22" s="353"/>
      <c r="Q22" s="353"/>
      <c r="R22" s="353"/>
      <c r="S22" s="353"/>
      <c r="T22" s="353"/>
      <c r="U22" s="353"/>
      <c r="V22" s="354"/>
      <c r="W22" s="361"/>
      <c r="X22" s="362"/>
      <c r="Y22" s="362"/>
      <c r="Z22" s="362"/>
      <c r="AA22" s="362"/>
      <c r="AB22" s="362"/>
      <c r="AC22" s="362"/>
      <c r="AD22" s="362"/>
      <c r="AE22" s="362"/>
      <c r="AF22" s="362"/>
      <c r="AG22" s="362"/>
      <c r="AH22" s="362"/>
      <c r="AI22" s="362"/>
      <c r="AJ22" s="362"/>
      <c r="AK22" s="362"/>
      <c r="AL22" s="362"/>
      <c r="AM22" s="362"/>
      <c r="AN22" s="362"/>
      <c r="AO22" s="362"/>
      <c r="AP22" s="362"/>
      <c r="AQ22" s="362"/>
      <c r="AR22" s="363"/>
    </row>
    <row r="23" spans="1:44" s="62" customFormat="1" ht="13.5" customHeight="1">
      <c r="A23" s="352"/>
      <c r="B23" s="353"/>
      <c r="C23" s="353"/>
      <c r="D23" s="353"/>
      <c r="E23" s="353"/>
      <c r="F23" s="353"/>
      <c r="G23" s="353"/>
      <c r="H23" s="353"/>
      <c r="I23" s="353"/>
      <c r="J23" s="353"/>
      <c r="K23" s="353"/>
      <c r="L23" s="353"/>
      <c r="M23" s="353"/>
      <c r="N23" s="353"/>
      <c r="O23" s="353"/>
      <c r="P23" s="353"/>
      <c r="Q23" s="353"/>
      <c r="R23" s="353"/>
      <c r="S23" s="353"/>
      <c r="T23" s="353"/>
      <c r="U23" s="353"/>
      <c r="V23" s="354"/>
      <c r="W23" s="361"/>
      <c r="X23" s="362"/>
      <c r="Y23" s="362"/>
      <c r="Z23" s="362"/>
      <c r="AA23" s="362"/>
      <c r="AB23" s="362"/>
      <c r="AC23" s="362"/>
      <c r="AD23" s="362"/>
      <c r="AE23" s="362"/>
      <c r="AF23" s="362"/>
      <c r="AG23" s="362"/>
      <c r="AH23" s="362"/>
      <c r="AI23" s="362"/>
      <c r="AJ23" s="362"/>
      <c r="AK23" s="362"/>
      <c r="AL23" s="362"/>
      <c r="AM23" s="362"/>
      <c r="AN23" s="362"/>
      <c r="AO23" s="362"/>
      <c r="AP23" s="362"/>
      <c r="AQ23" s="362"/>
      <c r="AR23" s="363"/>
    </row>
    <row r="24" spans="1:44" s="62" customFormat="1" ht="13.5" customHeight="1">
      <c r="A24" s="352"/>
      <c r="B24" s="353"/>
      <c r="C24" s="353"/>
      <c r="D24" s="353"/>
      <c r="E24" s="353"/>
      <c r="F24" s="353"/>
      <c r="G24" s="353"/>
      <c r="H24" s="353"/>
      <c r="I24" s="353"/>
      <c r="J24" s="353"/>
      <c r="K24" s="353"/>
      <c r="L24" s="353"/>
      <c r="M24" s="353"/>
      <c r="N24" s="353"/>
      <c r="O24" s="353"/>
      <c r="P24" s="353"/>
      <c r="Q24" s="353"/>
      <c r="R24" s="353"/>
      <c r="S24" s="353"/>
      <c r="T24" s="353"/>
      <c r="U24" s="353"/>
      <c r="V24" s="354"/>
      <c r="W24" s="361"/>
      <c r="X24" s="362"/>
      <c r="Y24" s="362"/>
      <c r="Z24" s="362"/>
      <c r="AA24" s="362"/>
      <c r="AB24" s="362"/>
      <c r="AC24" s="362"/>
      <c r="AD24" s="362"/>
      <c r="AE24" s="362"/>
      <c r="AF24" s="362"/>
      <c r="AG24" s="362"/>
      <c r="AH24" s="362"/>
      <c r="AI24" s="362"/>
      <c r="AJ24" s="362"/>
      <c r="AK24" s="362"/>
      <c r="AL24" s="362"/>
      <c r="AM24" s="362"/>
      <c r="AN24" s="362"/>
      <c r="AO24" s="362"/>
      <c r="AP24" s="362"/>
      <c r="AQ24" s="362"/>
      <c r="AR24" s="363"/>
    </row>
    <row r="25" spans="1:44" s="62" customFormat="1" ht="13.5" customHeight="1">
      <c r="A25" s="352"/>
      <c r="B25" s="353"/>
      <c r="C25" s="353"/>
      <c r="D25" s="353"/>
      <c r="E25" s="353"/>
      <c r="F25" s="353"/>
      <c r="G25" s="353"/>
      <c r="H25" s="353"/>
      <c r="I25" s="353"/>
      <c r="J25" s="353"/>
      <c r="K25" s="353"/>
      <c r="L25" s="353"/>
      <c r="M25" s="353"/>
      <c r="N25" s="353"/>
      <c r="O25" s="353"/>
      <c r="P25" s="353"/>
      <c r="Q25" s="353"/>
      <c r="R25" s="353"/>
      <c r="S25" s="353"/>
      <c r="T25" s="353"/>
      <c r="U25" s="353"/>
      <c r="V25" s="354"/>
      <c r="W25" s="361"/>
      <c r="X25" s="362"/>
      <c r="Y25" s="362"/>
      <c r="Z25" s="362"/>
      <c r="AA25" s="362"/>
      <c r="AB25" s="362"/>
      <c r="AC25" s="362"/>
      <c r="AD25" s="362"/>
      <c r="AE25" s="362"/>
      <c r="AF25" s="362"/>
      <c r="AG25" s="362"/>
      <c r="AH25" s="362"/>
      <c r="AI25" s="362"/>
      <c r="AJ25" s="362"/>
      <c r="AK25" s="362"/>
      <c r="AL25" s="362"/>
      <c r="AM25" s="362"/>
      <c r="AN25" s="362"/>
      <c r="AO25" s="362"/>
      <c r="AP25" s="362"/>
      <c r="AQ25" s="362"/>
      <c r="AR25" s="363"/>
    </row>
    <row r="26" spans="1:44" s="62" customFormat="1" ht="13.5" customHeight="1">
      <c r="A26" s="352"/>
      <c r="B26" s="353"/>
      <c r="C26" s="353"/>
      <c r="D26" s="353"/>
      <c r="E26" s="353"/>
      <c r="F26" s="353"/>
      <c r="G26" s="353"/>
      <c r="H26" s="353"/>
      <c r="I26" s="353"/>
      <c r="J26" s="353"/>
      <c r="K26" s="353"/>
      <c r="L26" s="353"/>
      <c r="M26" s="353"/>
      <c r="N26" s="353"/>
      <c r="O26" s="353"/>
      <c r="P26" s="353"/>
      <c r="Q26" s="353"/>
      <c r="R26" s="353"/>
      <c r="S26" s="353"/>
      <c r="T26" s="353"/>
      <c r="U26" s="353"/>
      <c r="V26" s="354"/>
      <c r="W26" s="361"/>
      <c r="X26" s="362"/>
      <c r="Y26" s="362"/>
      <c r="Z26" s="362"/>
      <c r="AA26" s="362"/>
      <c r="AB26" s="362"/>
      <c r="AC26" s="362"/>
      <c r="AD26" s="362"/>
      <c r="AE26" s="362"/>
      <c r="AF26" s="362"/>
      <c r="AG26" s="362"/>
      <c r="AH26" s="362"/>
      <c r="AI26" s="362"/>
      <c r="AJ26" s="362"/>
      <c r="AK26" s="362"/>
      <c r="AL26" s="362"/>
      <c r="AM26" s="362"/>
      <c r="AN26" s="362"/>
      <c r="AO26" s="362"/>
      <c r="AP26" s="362"/>
      <c r="AQ26" s="362"/>
      <c r="AR26" s="363"/>
    </row>
    <row r="27" spans="1:44" s="62" customFormat="1" ht="13.5" customHeight="1">
      <c r="A27" s="352"/>
      <c r="B27" s="353"/>
      <c r="C27" s="353"/>
      <c r="D27" s="353"/>
      <c r="E27" s="353"/>
      <c r="F27" s="353"/>
      <c r="G27" s="353"/>
      <c r="H27" s="353"/>
      <c r="I27" s="353"/>
      <c r="J27" s="353"/>
      <c r="K27" s="353"/>
      <c r="L27" s="353"/>
      <c r="M27" s="353"/>
      <c r="N27" s="353"/>
      <c r="O27" s="353"/>
      <c r="P27" s="353"/>
      <c r="Q27" s="353"/>
      <c r="R27" s="353"/>
      <c r="S27" s="353"/>
      <c r="T27" s="353"/>
      <c r="U27" s="353"/>
      <c r="V27" s="354"/>
      <c r="W27" s="361"/>
      <c r="X27" s="362"/>
      <c r="Y27" s="362"/>
      <c r="Z27" s="362"/>
      <c r="AA27" s="362"/>
      <c r="AB27" s="362"/>
      <c r="AC27" s="362"/>
      <c r="AD27" s="362"/>
      <c r="AE27" s="362"/>
      <c r="AF27" s="362"/>
      <c r="AG27" s="362"/>
      <c r="AH27" s="362"/>
      <c r="AI27" s="362"/>
      <c r="AJ27" s="362"/>
      <c r="AK27" s="362"/>
      <c r="AL27" s="362"/>
      <c r="AM27" s="362"/>
      <c r="AN27" s="362"/>
      <c r="AO27" s="362"/>
      <c r="AP27" s="362"/>
      <c r="AQ27" s="362"/>
      <c r="AR27" s="363"/>
    </row>
    <row r="28" spans="1:44" s="62" customFormat="1" ht="13.5" customHeight="1">
      <c r="A28" s="352"/>
      <c r="B28" s="353"/>
      <c r="C28" s="353"/>
      <c r="D28" s="353"/>
      <c r="E28" s="353"/>
      <c r="F28" s="353"/>
      <c r="G28" s="353"/>
      <c r="H28" s="353"/>
      <c r="I28" s="353"/>
      <c r="J28" s="353"/>
      <c r="K28" s="353"/>
      <c r="L28" s="353"/>
      <c r="M28" s="353"/>
      <c r="N28" s="353"/>
      <c r="O28" s="353"/>
      <c r="P28" s="353"/>
      <c r="Q28" s="353"/>
      <c r="R28" s="353"/>
      <c r="S28" s="353"/>
      <c r="T28" s="353"/>
      <c r="U28" s="353"/>
      <c r="V28" s="354"/>
      <c r="W28" s="361"/>
      <c r="X28" s="362"/>
      <c r="Y28" s="362"/>
      <c r="Z28" s="362"/>
      <c r="AA28" s="362"/>
      <c r="AB28" s="362"/>
      <c r="AC28" s="362"/>
      <c r="AD28" s="362"/>
      <c r="AE28" s="362"/>
      <c r="AF28" s="362"/>
      <c r="AG28" s="362"/>
      <c r="AH28" s="362"/>
      <c r="AI28" s="362"/>
      <c r="AJ28" s="362"/>
      <c r="AK28" s="362"/>
      <c r="AL28" s="362"/>
      <c r="AM28" s="362"/>
      <c r="AN28" s="362"/>
      <c r="AO28" s="362"/>
      <c r="AP28" s="362"/>
      <c r="AQ28" s="362"/>
      <c r="AR28" s="363"/>
    </row>
    <row r="29" spans="1:44" s="62" customFormat="1" ht="13.5" customHeight="1">
      <c r="A29" s="352"/>
      <c r="B29" s="353"/>
      <c r="C29" s="353"/>
      <c r="D29" s="353"/>
      <c r="E29" s="353"/>
      <c r="F29" s="353"/>
      <c r="G29" s="353"/>
      <c r="H29" s="353"/>
      <c r="I29" s="353"/>
      <c r="J29" s="353"/>
      <c r="K29" s="353"/>
      <c r="L29" s="353"/>
      <c r="M29" s="353"/>
      <c r="N29" s="353"/>
      <c r="O29" s="353"/>
      <c r="P29" s="353"/>
      <c r="Q29" s="353"/>
      <c r="R29" s="353"/>
      <c r="S29" s="353"/>
      <c r="T29" s="353"/>
      <c r="U29" s="353"/>
      <c r="V29" s="354"/>
      <c r="W29" s="361"/>
      <c r="X29" s="362"/>
      <c r="Y29" s="362"/>
      <c r="Z29" s="362"/>
      <c r="AA29" s="362"/>
      <c r="AB29" s="362"/>
      <c r="AC29" s="362"/>
      <c r="AD29" s="362"/>
      <c r="AE29" s="362"/>
      <c r="AF29" s="362"/>
      <c r="AG29" s="362"/>
      <c r="AH29" s="362"/>
      <c r="AI29" s="362"/>
      <c r="AJ29" s="362"/>
      <c r="AK29" s="362"/>
      <c r="AL29" s="362"/>
      <c r="AM29" s="362"/>
      <c r="AN29" s="362"/>
      <c r="AO29" s="362"/>
      <c r="AP29" s="362"/>
      <c r="AQ29" s="362"/>
      <c r="AR29" s="363"/>
    </row>
    <row r="30" spans="1:44" s="62" customFormat="1" ht="13.5" customHeight="1">
      <c r="A30" s="352"/>
      <c r="B30" s="353"/>
      <c r="C30" s="353"/>
      <c r="D30" s="353"/>
      <c r="E30" s="353"/>
      <c r="F30" s="353"/>
      <c r="G30" s="353"/>
      <c r="H30" s="353"/>
      <c r="I30" s="353"/>
      <c r="J30" s="353"/>
      <c r="K30" s="353"/>
      <c r="L30" s="353"/>
      <c r="M30" s="353"/>
      <c r="N30" s="353"/>
      <c r="O30" s="353"/>
      <c r="P30" s="353"/>
      <c r="Q30" s="353"/>
      <c r="R30" s="353"/>
      <c r="S30" s="353"/>
      <c r="T30" s="353"/>
      <c r="U30" s="353"/>
      <c r="V30" s="354"/>
      <c r="W30" s="361"/>
      <c r="X30" s="362"/>
      <c r="Y30" s="362"/>
      <c r="Z30" s="362"/>
      <c r="AA30" s="362"/>
      <c r="AB30" s="362"/>
      <c r="AC30" s="362"/>
      <c r="AD30" s="362"/>
      <c r="AE30" s="362"/>
      <c r="AF30" s="362"/>
      <c r="AG30" s="362"/>
      <c r="AH30" s="362"/>
      <c r="AI30" s="362"/>
      <c r="AJ30" s="362"/>
      <c r="AK30" s="362"/>
      <c r="AL30" s="362"/>
      <c r="AM30" s="362"/>
      <c r="AN30" s="362"/>
      <c r="AO30" s="362"/>
      <c r="AP30" s="362"/>
      <c r="AQ30" s="362"/>
      <c r="AR30" s="363"/>
    </row>
    <row r="31" spans="1:44" s="62" customFormat="1" ht="13.5" customHeight="1">
      <c r="A31" s="352"/>
      <c r="B31" s="353"/>
      <c r="C31" s="353"/>
      <c r="D31" s="353"/>
      <c r="E31" s="353"/>
      <c r="F31" s="353"/>
      <c r="G31" s="353"/>
      <c r="H31" s="353"/>
      <c r="I31" s="353"/>
      <c r="J31" s="353"/>
      <c r="K31" s="353"/>
      <c r="L31" s="353"/>
      <c r="M31" s="353"/>
      <c r="N31" s="353"/>
      <c r="O31" s="353"/>
      <c r="P31" s="353"/>
      <c r="Q31" s="353"/>
      <c r="R31" s="353"/>
      <c r="S31" s="353"/>
      <c r="T31" s="353"/>
      <c r="U31" s="353"/>
      <c r="V31" s="354"/>
      <c r="W31" s="361"/>
      <c r="X31" s="362"/>
      <c r="Y31" s="362"/>
      <c r="Z31" s="362"/>
      <c r="AA31" s="362"/>
      <c r="AB31" s="362"/>
      <c r="AC31" s="362"/>
      <c r="AD31" s="362"/>
      <c r="AE31" s="362"/>
      <c r="AF31" s="362"/>
      <c r="AG31" s="362"/>
      <c r="AH31" s="362"/>
      <c r="AI31" s="362"/>
      <c r="AJ31" s="362"/>
      <c r="AK31" s="362"/>
      <c r="AL31" s="362"/>
      <c r="AM31" s="362"/>
      <c r="AN31" s="362"/>
      <c r="AO31" s="362"/>
      <c r="AP31" s="362"/>
      <c r="AQ31" s="362"/>
      <c r="AR31" s="363"/>
    </row>
    <row r="32" spans="1:44" s="62" customFormat="1" ht="13.5" customHeight="1">
      <c r="A32" s="355"/>
      <c r="B32" s="356"/>
      <c r="C32" s="356"/>
      <c r="D32" s="356"/>
      <c r="E32" s="356"/>
      <c r="F32" s="356"/>
      <c r="G32" s="356"/>
      <c r="H32" s="356"/>
      <c r="I32" s="356"/>
      <c r="J32" s="356"/>
      <c r="K32" s="356"/>
      <c r="L32" s="356"/>
      <c r="M32" s="356"/>
      <c r="N32" s="356"/>
      <c r="O32" s="356"/>
      <c r="P32" s="356"/>
      <c r="Q32" s="356"/>
      <c r="R32" s="356"/>
      <c r="S32" s="356"/>
      <c r="T32" s="356"/>
      <c r="U32" s="356"/>
      <c r="V32" s="357"/>
      <c r="W32" s="364"/>
      <c r="X32" s="365"/>
      <c r="Y32" s="365"/>
      <c r="Z32" s="365"/>
      <c r="AA32" s="365"/>
      <c r="AB32" s="365"/>
      <c r="AC32" s="365"/>
      <c r="AD32" s="365"/>
      <c r="AE32" s="365"/>
      <c r="AF32" s="365"/>
      <c r="AG32" s="365"/>
      <c r="AH32" s="365"/>
      <c r="AI32" s="365"/>
      <c r="AJ32" s="365"/>
      <c r="AK32" s="365"/>
      <c r="AL32" s="365"/>
      <c r="AM32" s="365"/>
      <c r="AN32" s="365"/>
      <c r="AO32" s="365"/>
      <c r="AP32" s="365"/>
      <c r="AQ32" s="365"/>
      <c r="AR32" s="366"/>
    </row>
    <row r="33" spans="5:44" s="62" customFormat="1" ht="23.25" customHeight="1">
      <c r="H33" s="64"/>
      <c r="I33" s="64"/>
      <c r="J33" s="64"/>
      <c r="K33" s="64"/>
      <c r="L33" s="64"/>
      <c r="M33" s="64"/>
      <c r="N33" s="64"/>
      <c r="O33" s="64"/>
      <c r="AR33" s="73" t="s">
        <v>9</v>
      </c>
    </row>
    <row r="38" spans="5:44">
      <c r="E38" s="76" t="s">
        <v>60</v>
      </c>
    </row>
  </sheetData>
  <mergeCells count="33">
    <mergeCell ref="A17:V32"/>
    <mergeCell ref="W17:AR32"/>
    <mergeCell ref="AG10:AH11"/>
    <mergeCell ref="AI10:AR11"/>
    <mergeCell ref="A12:H14"/>
    <mergeCell ref="AG12:AH14"/>
    <mergeCell ref="AI12:AL14"/>
    <mergeCell ref="AM12:AN14"/>
    <mergeCell ref="AO12:AR14"/>
    <mergeCell ref="O13:X13"/>
    <mergeCell ref="A9:H11"/>
    <mergeCell ref="O10:X10"/>
    <mergeCell ref="A15:V16"/>
    <mergeCell ref="W15:AR16"/>
    <mergeCell ref="A3:H5"/>
    <mergeCell ref="I3:AF5"/>
    <mergeCell ref="AG3:AH4"/>
    <mergeCell ref="AI3:AR4"/>
    <mergeCell ref="AG5:AH7"/>
    <mergeCell ref="AI5:AJ7"/>
    <mergeCell ref="AK5:AL7"/>
    <mergeCell ref="AM5:AN7"/>
    <mergeCell ref="AO5:AP7"/>
    <mergeCell ref="AQ5:AR7"/>
    <mergeCell ref="A6:H8"/>
    <mergeCell ref="I6:AF8"/>
    <mergeCell ref="AG8:AH9"/>
    <mergeCell ref="AI8:AR9"/>
    <mergeCell ref="A1:H2"/>
    <mergeCell ref="I1:M1"/>
    <mergeCell ref="N1:AF2"/>
    <mergeCell ref="AG1:AR2"/>
    <mergeCell ref="I2:M2"/>
  </mergeCells>
  <phoneticPr fontId="14"/>
  <pageMargins left="0.70866141732283472" right="0.70866141732283472" top="0.74803149606299213" bottom="0.74803149606299213" header="0.31496062992125984" footer="0.31496062992125984"/>
  <pageSetup paperSize="9" scale="93" fitToHeight="0" orientation="landscape" horizontalDpi="4294967294" verticalDpi="300" r:id="rId1"/>
  <colBreaks count="1" manualBreakCount="1">
    <brk id="44" max="1048575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FF00FF"/>
    <pageSetUpPr fitToPage="1"/>
  </sheetPr>
  <dimension ref="A1:AT50"/>
  <sheetViews>
    <sheetView view="pageBreakPreview" zoomScale="70" zoomScaleNormal="40" zoomScaleSheetLayoutView="70" workbookViewId="0">
      <selection activeCell="H11" sqref="H11"/>
    </sheetView>
  </sheetViews>
  <sheetFormatPr defaultColWidth="9.140625" defaultRowHeight="13.5"/>
  <cols>
    <col min="1" max="1" width="18.85546875" style="89" customWidth="1"/>
    <col min="2" max="3" width="23.7109375" style="89" customWidth="1"/>
    <col min="4" max="4" width="22.42578125" style="89" customWidth="1"/>
    <col min="5" max="5" width="7.28515625" style="89" customWidth="1"/>
    <col min="6" max="6" width="10.85546875" style="89" customWidth="1"/>
    <col min="7" max="7" width="17.7109375" style="89" customWidth="1"/>
    <col min="8" max="8" width="18" style="89" customWidth="1"/>
    <col min="9" max="9" width="31.7109375" style="89" customWidth="1"/>
    <col min="10" max="10" width="15.5703125" style="89" customWidth="1"/>
    <col min="11" max="11" width="15.85546875" style="89" customWidth="1"/>
    <col min="12" max="12" width="13.140625" style="89" customWidth="1"/>
    <col min="13" max="16384" width="9.140625" style="89"/>
  </cols>
  <sheetData>
    <row r="1" spans="1:46" ht="14.25">
      <c r="A1" s="85" t="s">
        <v>66</v>
      </c>
      <c r="B1" s="85" t="s">
        <v>117</v>
      </c>
      <c r="C1" s="85"/>
      <c r="D1" s="86"/>
      <c r="E1" s="87"/>
      <c r="F1" s="87"/>
      <c r="G1" s="88"/>
      <c r="H1" s="88"/>
      <c r="I1" s="88"/>
      <c r="J1" s="88"/>
      <c r="K1" s="85"/>
      <c r="L1" s="85"/>
    </row>
    <row r="2" spans="1:46" ht="15" thickBot="1">
      <c r="A2" s="85" t="s">
        <v>11</v>
      </c>
      <c r="B2" s="85" t="s">
        <v>118</v>
      </c>
      <c r="C2" s="85"/>
      <c r="D2" s="85"/>
      <c r="E2" s="87"/>
      <c r="F2" s="87"/>
      <c r="G2" s="88"/>
      <c r="H2" s="88"/>
      <c r="I2" s="88"/>
      <c r="J2" s="88"/>
      <c r="K2" s="85"/>
      <c r="L2" s="85"/>
    </row>
    <row r="3" spans="1:46" ht="21">
      <c r="A3" s="90"/>
      <c r="B3" s="91"/>
      <c r="C3" s="91"/>
      <c r="D3" s="373" t="s">
        <v>67</v>
      </c>
      <c r="E3" s="373"/>
      <c r="F3" s="373"/>
      <c r="G3" s="92"/>
      <c r="H3" s="93" t="s">
        <v>110</v>
      </c>
      <c r="I3" s="94"/>
      <c r="J3" s="94"/>
      <c r="K3" s="94"/>
      <c r="L3" s="95"/>
      <c r="M3" s="85"/>
      <c r="N3" s="85"/>
      <c r="O3" s="85"/>
      <c r="P3" s="85"/>
      <c r="Q3" s="85"/>
      <c r="R3" s="85"/>
      <c r="S3" s="85"/>
      <c r="T3" s="85"/>
      <c r="U3" s="85"/>
      <c r="V3" s="85"/>
      <c r="W3" s="85"/>
      <c r="X3" s="85"/>
    </row>
    <row r="4" spans="1:46" ht="37.5" customHeight="1">
      <c r="A4" s="96" t="s">
        <v>68</v>
      </c>
      <c r="B4" s="97" t="s">
        <v>69</v>
      </c>
      <c r="C4" s="98" t="s">
        <v>70</v>
      </c>
      <c r="D4" s="98" t="s">
        <v>71</v>
      </c>
      <c r="E4" s="98" t="s">
        <v>72</v>
      </c>
      <c r="F4" s="98" t="s">
        <v>73</v>
      </c>
      <c r="G4" s="99" t="s">
        <v>80</v>
      </c>
      <c r="H4" s="100" t="s">
        <v>65</v>
      </c>
      <c r="I4" s="374" t="s">
        <v>74</v>
      </c>
      <c r="J4" s="375"/>
      <c r="K4" s="375"/>
      <c r="L4" s="101"/>
      <c r="M4" s="85"/>
      <c r="N4" s="85"/>
      <c r="O4" s="85"/>
      <c r="P4" s="85"/>
      <c r="Q4" s="85"/>
      <c r="R4" s="85"/>
      <c r="S4" s="85"/>
      <c r="T4" s="85"/>
      <c r="U4" s="85"/>
      <c r="V4" s="85"/>
      <c r="W4" s="85"/>
      <c r="X4" s="85"/>
    </row>
    <row r="5" spans="1:46" ht="14.25">
      <c r="A5" s="102"/>
      <c r="B5" s="103"/>
      <c r="C5" s="104"/>
      <c r="D5" s="105"/>
      <c r="E5" s="106"/>
      <c r="F5" s="106"/>
      <c r="G5" s="107"/>
      <c r="H5" s="108"/>
      <c r="I5" s="109"/>
      <c r="J5" s="110"/>
      <c r="K5" s="110"/>
      <c r="L5" s="111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</row>
    <row r="6" spans="1:46" ht="14.25">
      <c r="A6" s="112"/>
      <c r="B6" s="113"/>
      <c r="C6" s="114"/>
      <c r="D6" s="115"/>
      <c r="E6" s="116"/>
      <c r="F6" s="116"/>
      <c r="G6" s="117"/>
      <c r="H6" s="118"/>
      <c r="I6" s="119"/>
      <c r="J6" s="120"/>
      <c r="K6" s="121"/>
      <c r="L6" s="122"/>
      <c r="M6" s="85"/>
      <c r="N6" s="85"/>
      <c r="O6" s="85"/>
      <c r="P6" s="85"/>
      <c r="Q6" s="85"/>
      <c r="R6" s="85"/>
      <c r="S6" s="85"/>
      <c r="T6" s="85"/>
      <c r="U6" s="85"/>
      <c r="V6" s="85"/>
      <c r="W6" s="85"/>
      <c r="X6" s="85"/>
    </row>
    <row r="7" spans="1:46" ht="14.25">
      <c r="A7" s="123" t="s">
        <v>75</v>
      </c>
      <c r="B7" s="124"/>
      <c r="C7" s="125"/>
      <c r="D7" s="126"/>
      <c r="E7" s="127" t="s">
        <v>10</v>
      </c>
      <c r="F7" s="127">
        <v>1</v>
      </c>
      <c r="G7" s="128"/>
      <c r="H7" s="129"/>
      <c r="I7" s="233" t="s">
        <v>82</v>
      </c>
      <c r="J7" s="130"/>
      <c r="K7" s="130"/>
      <c r="L7" s="131"/>
      <c r="M7" s="85"/>
      <c r="N7" s="85"/>
      <c r="O7" s="85"/>
      <c r="P7" s="85"/>
      <c r="Q7" s="85"/>
      <c r="R7" s="85"/>
      <c r="S7" s="85"/>
      <c r="T7" s="85"/>
      <c r="U7" s="85"/>
      <c r="V7" s="85"/>
      <c r="W7" s="85"/>
      <c r="X7" s="85"/>
      <c r="AT7" s="237"/>
    </row>
    <row r="8" spans="1:46" ht="14.25">
      <c r="A8" s="132"/>
      <c r="B8" s="133"/>
      <c r="C8" s="134"/>
      <c r="D8" s="135"/>
      <c r="E8" s="106"/>
      <c r="F8" s="106"/>
      <c r="G8" s="107"/>
      <c r="H8" s="136"/>
      <c r="I8" s="137"/>
      <c r="J8" s="138"/>
      <c r="K8" s="110"/>
      <c r="L8" s="111"/>
    </row>
    <row r="9" spans="1:46" ht="14.25">
      <c r="A9" s="139"/>
      <c r="B9" s="140"/>
      <c r="C9" s="141"/>
      <c r="D9" s="142"/>
      <c r="E9" s="116"/>
      <c r="F9" s="116"/>
      <c r="G9" s="117"/>
      <c r="H9" s="143"/>
      <c r="I9" s="144"/>
      <c r="J9" s="145"/>
      <c r="K9" s="146"/>
      <c r="L9" s="122"/>
    </row>
    <row r="10" spans="1:46" ht="14.25">
      <c r="A10" s="123" t="s">
        <v>33</v>
      </c>
      <c r="B10" s="147"/>
      <c r="C10" s="148"/>
      <c r="D10" s="149"/>
      <c r="E10" s="127" t="s">
        <v>10</v>
      </c>
      <c r="F10" s="127">
        <v>1</v>
      </c>
      <c r="G10" s="128"/>
      <c r="H10" s="129"/>
      <c r="I10" s="233" t="s">
        <v>83</v>
      </c>
      <c r="J10" s="150"/>
      <c r="K10" s="151"/>
      <c r="L10" s="131"/>
    </row>
    <row r="11" spans="1:46" ht="14.25">
      <c r="A11" s="112"/>
      <c r="B11" s="113"/>
      <c r="C11" s="114"/>
      <c r="D11" s="115"/>
      <c r="E11" s="116"/>
      <c r="F11" s="116"/>
      <c r="G11" s="117"/>
      <c r="H11" s="152"/>
      <c r="I11" s="153"/>
      <c r="J11" s="121"/>
      <c r="K11" s="121"/>
      <c r="L11" s="111"/>
      <c r="M11" s="85"/>
      <c r="N11" s="85"/>
      <c r="O11" s="85"/>
      <c r="P11" s="85"/>
      <c r="Q11" s="85"/>
      <c r="R11" s="85"/>
      <c r="S11" s="85"/>
      <c r="T11" s="85"/>
      <c r="U11" s="85"/>
      <c r="V11" s="85"/>
      <c r="W11" s="85"/>
      <c r="X11" s="85"/>
    </row>
    <row r="12" spans="1:46" ht="14.25">
      <c r="A12" s="112"/>
      <c r="B12" s="113"/>
      <c r="C12" s="114"/>
      <c r="D12" s="115"/>
      <c r="E12" s="116"/>
      <c r="F12" s="116"/>
      <c r="G12" s="117"/>
      <c r="H12" s="152"/>
      <c r="I12" s="153"/>
      <c r="J12" s="121"/>
      <c r="K12" s="121"/>
      <c r="L12" s="122"/>
      <c r="M12" s="85"/>
      <c r="N12" s="85"/>
      <c r="O12" s="85"/>
      <c r="P12" s="302"/>
      <c r="Q12" s="85"/>
      <c r="R12" s="85"/>
      <c r="S12" s="85"/>
      <c r="T12" s="85"/>
      <c r="U12" s="85"/>
      <c r="V12" s="85"/>
      <c r="W12" s="85"/>
      <c r="X12" s="85"/>
    </row>
    <row r="13" spans="1:46" ht="14.25">
      <c r="A13" s="154" t="s">
        <v>36</v>
      </c>
      <c r="B13" s="155"/>
      <c r="C13" s="141"/>
      <c r="D13" s="115"/>
      <c r="E13" s="127"/>
      <c r="F13" s="127"/>
      <c r="G13" s="152"/>
      <c r="H13" s="152"/>
      <c r="I13" s="153"/>
      <c r="J13" s="121"/>
      <c r="K13" s="121"/>
      <c r="L13" s="131"/>
      <c r="M13" s="85"/>
      <c r="N13" s="85"/>
      <c r="O13" s="85"/>
      <c r="P13" s="85"/>
      <c r="Q13" s="85"/>
      <c r="R13" s="85"/>
      <c r="S13" s="85"/>
      <c r="T13" s="85"/>
      <c r="U13" s="85"/>
      <c r="V13" s="85"/>
      <c r="W13" s="85"/>
      <c r="X13" s="85"/>
    </row>
    <row r="14" spans="1:46" ht="14.25">
      <c r="A14" s="102"/>
      <c r="B14" s="103"/>
      <c r="C14" s="104"/>
      <c r="D14" s="105"/>
      <c r="E14" s="106"/>
      <c r="F14" s="106"/>
      <c r="G14" s="107"/>
      <c r="H14" s="108"/>
      <c r="I14" s="167"/>
      <c r="J14" s="168"/>
      <c r="K14" s="110"/>
      <c r="L14" s="111"/>
      <c r="S14" s="87"/>
      <c r="T14" s="85"/>
      <c r="U14" s="85"/>
      <c r="V14" s="85"/>
      <c r="W14" s="85"/>
      <c r="X14" s="85"/>
    </row>
    <row r="15" spans="1:46" ht="14.25">
      <c r="A15" s="112"/>
      <c r="B15" s="113"/>
      <c r="C15" s="114"/>
      <c r="D15" s="115"/>
      <c r="E15" s="116"/>
      <c r="F15" s="116"/>
      <c r="G15" s="117"/>
      <c r="H15" s="169"/>
      <c r="I15" s="170"/>
      <c r="J15" s="163"/>
      <c r="K15" s="164"/>
      <c r="L15" s="171"/>
      <c r="S15" s="85"/>
      <c r="T15" s="85"/>
      <c r="U15" s="85"/>
      <c r="V15" s="85"/>
      <c r="W15" s="85"/>
      <c r="X15" s="85"/>
    </row>
    <row r="16" spans="1:46" ht="14.25">
      <c r="A16" s="154" t="s">
        <v>35</v>
      </c>
      <c r="B16" s="165"/>
      <c r="C16" s="125"/>
      <c r="D16" s="126"/>
      <c r="E16" s="127" t="s">
        <v>10</v>
      </c>
      <c r="F16" s="127">
        <v>1</v>
      </c>
      <c r="G16" s="166"/>
      <c r="H16" s="166"/>
      <c r="I16" s="172"/>
      <c r="J16" s="173"/>
      <c r="K16" s="174"/>
      <c r="L16" s="175"/>
      <c r="S16" s="85"/>
      <c r="T16" s="85"/>
      <c r="U16" s="85"/>
      <c r="V16" s="85"/>
      <c r="W16" s="85"/>
      <c r="X16" s="85"/>
    </row>
    <row r="17" spans="1:24" ht="14.25">
      <c r="A17" s="102"/>
      <c r="B17" s="103"/>
      <c r="C17" s="104"/>
      <c r="D17" s="105"/>
      <c r="E17" s="106"/>
      <c r="F17" s="106"/>
      <c r="G17" s="107"/>
      <c r="H17" s="176"/>
      <c r="I17" s="158"/>
      <c r="J17" s="159"/>
      <c r="K17" s="160"/>
      <c r="L17" s="161"/>
      <c r="M17" s="85"/>
      <c r="N17" s="85"/>
      <c r="O17" s="85"/>
      <c r="P17" s="85"/>
      <c r="Q17" s="85"/>
      <c r="R17" s="85"/>
      <c r="S17" s="85"/>
      <c r="T17" s="85"/>
      <c r="U17" s="85"/>
      <c r="V17" s="85"/>
      <c r="W17" s="85"/>
      <c r="X17" s="85"/>
    </row>
    <row r="18" spans="1:24" ht="14.25">
      <c r="A18" s="112"/>
      <c r="B18" s="113"/>
      <c r="C18" s="114"/>
      <c r="D18" s="115"/>
      <c r="E18" s="116"/>
      <c r="F18" s="116"/>
      <c r="G18" s="117"/>
      <c r="H18" s="162"/>
      <c r="I18" s="177"/>
      <c r="J18" s="178"/>
      <c r="K18" s="178"/>
      <c r="L18" s="179"/>
      <c r="M18" s="85"/>
      <c r="N18" s="85"/>
      <c r="O18" s="85"/>
      <c r="P18" s="85"/>
      <c r="Q18" s="85"/>
      <c r="R18" s="85"/>
      <c r="S18" s="85"/>
      <c r="T18" s="85"/>
      <c r="U18" s="85"/>
      <c r="V18" s="85"/>
      <c r="W18" s="85"/>
      <c r="X18" s="85"/>
    </row>
    <row r="19" spans="1:24" ht="14.25">
      <c r="A19" s="180" t="s">
        <v>76</v>
      </c>
      <c r="B19" s="165"/>
      <c r="C19" s="148"/>
      <c r="D19" s="126"/>
      <c r="E19" s="127"/>
      <c r="F19" s="127"/>
      <c r="G19" s="166"/>
      <c r="H19" s="166"/>
      <c r="I19" s="181"/>
      <c r="J19" s="182"/>
      <c r="K19" s="183"/>
      <c r="L19" s="184"/>
      <c r="M19" s="85"/>
      <c r="N19" s="85"/>
      <c r="O19" s="85"/>
      <c r="P19" s="85"/>
      <c r="Q19" s="85"/>
      <c r="R19" s="85"/>
      <c r="S19" s="85"/>
      <c r="T19" s="85"/>
      <c r="U19" s="85"/>
      <c r="V19" s="85"/>
      <c r="W19" s="85"/>
      <c r="X19" s="85"/>
    </row>
    <row r="20" spans="1:24" ht="14.25">
      <c r="A20" s="102"/>
      <c r="B20" s="103"/>
      <c r="C20" s="104"/>
      <c r="D20" s="156"/>
      <c r="E20" s="106"/>
      <c r="F20" s="106"/>
      <c r="G20" s="107"/>
      <c r="H20" s="157"/>
      <c r="I20" s="158"/>
      <c r="J20" s="159"/>
      <c r="K20" s="160"/>
      <c r="L20" s="161"/>
      <c r="M20" s="85"/>
      <c r="N20" s="85"/>
      <c r="O20" s="85"/>
      <c r="P20" s="85"/>
      <c r="Q20" s="85"/>
      <c r="R20" s="85"/>
      <c r="S20" s="85"/>
      <c r="T20" s="85"/>
      <c r="U20" s="85"/>
      <c r="V20" s="85"/>
      <c r="W20" s="85"/>
      <c r="X20" s="85"/>
    </row>
    <row r="21" spans="1:24" ht="14.25">
      <c r="A21" s="112"/>
      <c r="B21" s="113"/>
      <c r="C21" s="114"/>
      <c r="D21" s="115"/>
      <c r="E21" s="116"/>
      <c r="F21" s="116"/>
      <c r="G21" s="117"/>
      <c r="H21" s="162"/>
      <c r="I21" s="191"/>
      <c r="J21" s="178"/>
      <c r="K21" s="192"/>
      <c r="L21" s="179"/>
      <c r="M21" s="85"/>
      <c r="N21" s="85"/>
      <c r="O21" s="85"/>
      <c r="P21" s="85"/>
      <c r="Q21" s="85"/>
      <c r="R21" s="85"/>
      <c r="S21" s="85"/>
      <c r="T21" s="85"/>
      <c r="U21" s="85"/>
      <c r="V21" s="85"/>
      <c r="W21" s="85"/>
      <c r="X21" s="85"/>
    </row>
    <row r="22" spans="1:24" ht="14.25">
      <c r="A22" s="123" t="s">
        <v>77</v>
      </c>
      <c r="B22" s="193"/>
      <c r="C22" s="125"/>
      <c r="D22" s="126"/>
      <c r="E22" s="127"/>
      <c r="F22" s="127"/>
      <c r="G22" s="128"/>
      <c r="H22" s="166"/>
      <c r="I22" s="181"/>
      <c r="J22" s="194"/>
      <c r="K22" s="195"/>
      <c r="L22" s="184"/>
      <c r="M22" s="85"/>
      <c r="N22" s="85"/>
      <c r="O22" s="85"/>
      <c r="P22" s="85"/>
      <c r="Q22" s="85"/>
      <c r="R22" s="85"/>
      <c r="S22" s="85"/>
      <c r="T22" s="85"/>
      <c r="U22" s="85"/>
      <c r="V22" s="85"/>
      <c r="W22" s="85"/>
      <c r="X22" s="85"/>
    </row>
    <row r="23" spans="1:24">
      <c r="A23" s="154"/>
      <c r="B23" s="155"/>
      <c r="C23" s="141"/>
      <c r="D23" s="115"/>
      <c r="E23" s="116"/>
      <c r="F23" s="116"/>
      <c r="G23" s="117"/>
      <c r="H23" s="162"/>
      <c r="I23" s="197"/>
      <c r="J23" s="159"/>
      <c r="K23" s="160"/>
      <c r="L23" s="161"/>
    </row>
    <row r="24" spans="1:24">
      <c r="A24" s="154"/>
      <c r="B24" s="155"/>
      <c r="C24" s="141"/>
      <c r="D24" s="115"/>
      <c r="E24" s="116"/>
      <c r="F24" s="116"/>
      <c r="G24" s="117"/>
      <c r="H24" s="162"/>
      <c r="I24" s="170"/>
      <c r="J24" s="163"/>
      <c r="K24" s="164"/>
      <c r="L24" s="171"/>
    </row>
    <row r="25" spans="1:24">
      <c r="A25" s="154"/>
      <c r="B25" s="155" t="s">
        <v>78</v>
      </c>
      <c r="C25" s="141"/>
      <c r="D25" s="115"/>
      <c r="E25" s="127"/>
      <c r="F25" s="127"/>
      <c r="G25" s="166"/>
      <c r="H25" s="166"/>
      <c r="I25" s="172"/>
      <c r="J25" s="173"/>
      <c r="K25" s="174"/>
      <c r="L25" s="175"/>
    </row>
    <row r="26" spans="1:24" ht="14.25">
      <c r="A26" s="102"/>
      <c r="B26" s="103"/>
      <c r="C26" s="104"/>
      <c r="D26" s="105"/>
      <c r="E26" s="106"/>
      <c r="F26" s="106"/>
      <c r="G26" s="107"/>
      <c r="H26" s="157"/>
      <c r="I26" s="198"/>
      <c r="J26" s="168"/>
      <c r="K26" s="110"/>
      <c r="L26" s="111"/>
      <c r="M26" s="85"/>
      <c r="N26" s="376"/>
      <c r="O26" s="377"/>
      <c r="P26" s="377"/>
      <c r="Q26" s="377"/>
      <c r="R26" s="377"/>
      <c r="S26" s="377"/>
      <c r="T26" s="85"/>
      <c r="U26" s="85"/>
      <c r="V26" s="85"/>
      <c r="W26" s="85"/>
      <c r="X26" s="85"/>
    </row>
    <row r="27" spans="1:24" ht="14.25">
      <c r="A27" s="112"/>
      <c r="B27" s="113"/>
      <c r="C27" s="114"/>
      <c r="D27" s="115"/>
      <c r="E27" s="116"/>
      <c r="F27" s="116"/>
      <c r="G27" s="117"/>
      <c r="H27" s="162"/>
      <c r="I27" s="199"/>
      <c r="J27" s="200"/>
      <c r="K27" s="201"/>
      <c r="L27" s="122"/>
      <c r="M27" s="85"/>
      <c r="N27" s="376"/>
      <c r="O27" s="87"/>
      <c r="P27" s="87"/>
      <c r="Q27" s="87"/>
      <c r="R27" s="87"/>
      <c r="S27" s="87"/>
      <c r="T27" s="85"/>
      <c r="U27" s="85"/>
      <c r="V27" s="85"/>
      <c r="W27" s="85"/>
      <c r="X27" s="85"/>
    </row>
    <row r="28" spans="1:24" ht="14.25">
      <c r="A28" s="202"/>
      <c r="B28" s="165" t="s">
        <v>79</v>
      </c>
      <c r="C28" s="149"/>
      <c r="D28" s="126"/>
      <c r="E28" s="127" t="s">
        <v>10</v>
      </c>
      <c r="F28" s="127">
        <v>1</v>
      </c>
      <c r="G28" s="166"/>
      <c r="H28" s="166"/>
      <c r="I28" s="203"/>
      <c r="J28" s="204"/>
      <c r="K28" s="205"/>
      <c r="L28" s="131"/>
      <c r="M28" s="85"/>
      <c r="N28" s="87"/>
      <c r="O28" s="87"/>
      <c r="P28" s="87"/>
      <c r="Q28" s="87"/>
      <c r="R28" s="87"/>
      <c r="S28" s="196"/>
      <c r="T28" s="85"/>
      <c r="U28" s="85"/>
      <c r="V28" s="85"/>
      <c r="W28" s="85"/>
      <c r="X28" s="85"/>
    </row>
    <row r="29" spans="1:24" ht="14.25">
      <c r="A29" s="139"/>
      <c r="B29" s="211"/>
      <c r="C29" s="185"/>
      <c r="D29" s="115"/>
      <c r="E29" s="116"/>
      <c r="F29" s="116"/>
      <c r="G29" s="143"/>
      <c r="H29" s="143"/>
      <c r="I29" s="198"/>
      <c r="J29" s="168"/>
      <c r="K29" s="110"/>
      <c r="L29" s="111"/>
      <c r="M29" s="85"/>
      <c r="N29" s="85"/>
      <c r="O29" s="85"/>
      <c r="P29" s="85"/>
      <c r="Q29" s="85"/>
      <c r="R29" s="85"/>
      <c r="S29" s="85"/>
      <c r="T29" s="85"/>
      <c r="U29" s="85"/>
      <c r="V29" s="85"/>
      <c r="W29" s="85"/>
      <c r="X29" s="85"/>
    </row>
    <row r="30" spans="1:24" ht="14.25">
      <c r="A30" s="112"/>
      <c r="B30" s="113"/>
      <c r="C30" s="114"/>
      <c r="D30" s="115"/>
      <c r="E30" s="116"/>
      <c r="F30" s="116"/>
      <c r="G30" s="213"/>
      <c r="H30" s="213"/>
      <c r="I30" s="199"/>
      <c r="J30" s="200"/>
      <c r="K30" s="201"/>
      <c r="L30" s="122"/>
      <c r="M30" s="85"/>
      <c r="N30" s="85"/>
      <c r="O30" s="85"/>
      <c r="P30" s="85"/>
      <c r="Q30" s="85"/>
      <c r="R30" s="85"/>
      <c r="S30" s="85"/>
      <c r="T30" s="85"/>
      <c r="U30" s="85"/>
      <c r="V30" s="85"/>
      <c r="W30" s="85"/>
      <c r="X30" s="85"/>
    </row>
    <row r="31" spans="1:24" ht="14.25">
      <c r="A31" s="202"/>
      <c r="B31" s="193"/>
      <c r="C31" s="125"/>
      <c r="D31" s="126"/>
      <c r="E31" s="127"/>
      <c r="F31" s="127"/>
      <c r="G31" s="215"/>
      <c r="H31" s="215"/>
      <c r="I31" s="203"/>
      <c r="J31" s="204"/>
      <c r="K31" s="205"/>
      <c r="L31" s="131"/>
      <c r="M31" s="85"/>
      <c r="N31" s="85"/>
      <c r="O31" s="85"/>
      <c r="P31" s="85"/>
      <c r="Q31" s="85"/>
      <c r="R31" s="85"/>
      <c r="S31" s="85"/>
      <c r="T31" s="85"/>
      <c r="U31" s="85"/>
      <c r="V31" s="85"/>
      <c r="W31" s="85"/>
      <c r="X31" s="85"/>
    </row>
    <row r="32" spans="1:24" ht="14.25">
      <c r="A32" s="139"/>
      <c r="B32" s="207"/>
      <c r="C32" s="134"/>
      <c r="D32" s="142"/>
      <c r="E32" s="116"/>
      <c r="F32" s="116"/>
      <c r="G32" s="117"/>
      <c r="H32" s="231"/>
      <c r="I32" s="208"/>
      <c r="J32" s="186"/>
      <c r="K32" s="160"/>
      <c r="L32" s="161"/>
      <c r="M32" s="85"/>
      <c r="N32" s="85"/>
      <c r="O32" s="85"/>
      <c r="P32" s="85"/>
      <c r="Q32" s="85"/>
      <c r="R32" s="85"/>
      <c r="S32" s="85"/>
      <c r="T32" s="85"/>
      <c r="U32" s="85"/>
      <c r="V32" s="85"/>
      <c r="W32" s="85"/>
      <c r="X32" s="85"/>
    </row>
    <row r="33" spans="1:24" ht="14.25">
      <c r="A33" s="112"/>
      <c r="B33" s="185"/>
      <c r="C33" s="141"/>
      <c r="D33" s="142"/>
      <c r="E33" s="116"/>
      <c r="F33" s="116"/>
      <c r="G33" s="117"/>
      <c r="H33" s="230"/>
      <c r="I33" s="187"/>
      <c r="J33" s="188"/>
      <c r="K33" s="189"/>
      <c r="L33" s="179"/>
      <c r="M33" s="85"/>
      <c r="N33" s="85"/>
      <c r="O33" s="85"/>
      <c r="P33" s="85"/>
      <c r="Q33" s="85"/>
      <c r="R33" s="85"/>
      <c r="S33" s="85"/>
      <c r="T33" s="85"/>
      <c r="U33" s="85"/>
      <c r="V33" s="85"/>
      <c r="W33" s="85"/>
      <c r="X33" s="85"/>
    </row>
    <row r="34" spans="1:24" ht="14.25">
      <c r="A34" s="202"/>
      <c r="B34" s="209"/>
      <c r="C34" s="148"/>
      <c r="D34" s="149"/>
      <c r="E34" s="127"/>
      <c r="F34" s="127"/>
      <c r="G34" s="128"/>
      <c r="H34" s="232"/>
      <c r="I34" s="190"/>
      <c r="J34" s="210"/>
      <c r="K34" s="195"/>
      <c r="L34" s="184"/>
      <c r="M34" s="85"/>
      <c r="N34" s="85"/>
      <c r="O34" s="85"/>
      <c r="P34" s="85"/>
      <c r="Q34" s="85"/>
      <c r="R34" s="85"/>
      <c r="S34" s="85"/>
      <c r="T34" s="85"/>
      <c r="U34" s="85"/>
      <c r="V34" s="85"/>
      <c r="W34" s="85"/>
      <c r="X34" s="85"/>
    </row>
    <row r="35" spans="1:24" ht="14.25">
      <c r="A35" s="139"/>
      <c r="B35" s="207"/>
      <c r="C35" s="134"/>
      <c r="D35" s="142"/>
      <c r="E35" s="116"/>
      <c r="F35" s="116"/>
      <c r="G35" s="117"/>
      <c r="H35" s="231"/>
      <c r="I35" s="208"/>
      <c r="J35" s="186"/>
      <c r="K35" s="160"/>
      <c r="L35" s="161"/>
      <c r="S35" s="85"/>
      <c r="T35" s="85"/>
      <c r="U35" s="85"/>
      <c r="V35" s="85"/>
      <c r="W35" s="85"/>
      <c r="X35" s="85"/>
    </row>
    <row r="36" spans="1:24" ht="14.25">
      <c r="A36" s="112"/>
      <c r="B36" s="185"/>
      <c r="C36" s="141"/>
      <c r="D36" s="142"/>
      <c r="E36" s="116"/>
      <c r="F36" s="116"/>
      <c r="G36" s="117"/>
      <c r="H36" s="230"/>
      <c r="I36" s="187"/>
      <c r="J36" s="188"/>
      <c r="K36" s="189"/>
      <c r="L36" s="179"/>
      <c r="S36" s="85"/>
      <c r="T36" s="85"/>
      <c r="U36" s="85"/>
      <c r="V36" s="85"/>
      <c r="W36" s="85"/>
      <c r="X36" s="85"/>
    </row>
    <row r="37" spans="1:24" ht="14.25">
      <c r="A37" s="202"/>
      <c r="B37" s="209"/>
      <c r="C37" s="148"/>
      <c r="D37" s="149"/>
      <c r="E37" s="127"/>
      <c r="F37" s="127"/>
      <c r="G37" s="128"/>
      <c r="H37" s="232"/>
      <c r="I37" s="190"/>
      <c r="J37" s="210"/>
      <c r="K37" s="195"/>
      <c r="L37" s="184"/>
      <c r="S37" s="85"/>
      <c r="T37" s="85"/>
      <c r="U37" s="85"/>
      <c r="V37" s="85"/>
      <c r="W37" s="85"/>
      <c r="X37" s="85"/>
    </row>
    <row r="38" spans="1:24">
      <c r="A38" s="139"/>
      <c r="B38" s="207"/>
      <c r="C38" s="134"/>
      <c r="D38" s="142"/>
      <c r="E38" s="116"/>
      <c r="F38" s="116"/>
      <c r="G38" s="117"/>
      <c r="H38" s="231"/>
      <c r="I38" s="208"/>
      <c r="J38" s="186"/>
      <c r="K38" s="160"/>
      <c r="L38" s="161"/>
    </row>
    <row r="39" spans="1:24">
      <c r="A39" s="112"/>
      <c r="B39" s="185"/>
      <c r="C39" s="141"/>
      <c r="D39" s="142"/>
      <c r="E39" s="116"/>
      <c r="F39" s="116"/>
      <c r="G39" s="117"/>
      <c r="H39" s="230"/>
      <c r="I39" s="187"/>
      <c r="J39" s="188"/>
      <c r="K39" s="189"/>
      <c r="L39" s="179"/>
    </row>
    <row r="40" spans="1:24">
      <c r="A40" s="202"/>
      <c r="B40" s="209"/>
      <c r="C40" s="148"/>
      <c r="D40" s="149"/>
      <c r="E40" s="127"/>
      <c r="F40" s="127"/>
      <c r="G40" s="128"/>
      <c r="H40" s="232"/>
      <c r="I40" s="190"/>
      <c r="J40" s="210"/>
      <c r="K40" s="195"/>
      <c r="L40" s="184"/>
    </row>
    <row r="41" spans="1:24">
      <c r="A41" s="206"/>
      <c r="B41" s="207"/>
      <c r="C41" s="134"/>
      <c r="D41" s="142"/>
      <c r="E41" s="116"/>
      <c r="F41" s="116"/>
      <c r="G41" s="117"/>
      <c r="H41" s="136"/>
      <c r="I41" s="208"/>
      <c r="J41" s="186"/>
      <c r="K41" s="160"/>
      <c r="L41" s="161"/>
    </row>
    <row r="42" spans="1:24">
      <c r="A42" s="112"/>
      <c r="B42" s="113"/>
      <c r="C42" s="114"/>
      <c r="D42" s="115"/>
      <c r="E42" s="116"/>
      <c r="F42" s="116"/>
      <c r="G42" s="213"/>
      <c r="H42" s="213"/>
      <c r="I42" s="187"/>
      <c r="J42" s="188"/>
      <c r="K42" s="189"/>
      <c r="L42" s="179"/>
    </row>
    <row r="43" spans="1:24">
      <c r="A43" s="202" t="s">
        <v>13</v>
      </c>
      <c r="B43" s="193"/>
      <c r="C43" s="125"/>
      <c r="D43" s="126"/>
      <c r="E43" s="127" t="s">
        <v>10</v>
      </c>
      <c r="F43" s="127">
        <v>1</v>
      </c>
      <c r="G43" s="215"/>
      <c r="H43" s="215"/>
      <c r="I43" s="190"/>
      <c r="J43" s="234"/>
      <c r="K43" s="235"/>
      <c r="L43" s="184"/>
    </row>
    <row r="44" spans="1:24">
      <c r="A44" s="102"/>
      <c r="B44" s="103"/>
      <c r="C44" s="104"/>
      <c r="D44" s="105"/>
      <c r="E44" s="106"/>
      <c r="F44" s="106"/>
      <c r="G44" s="107"/>
      <c r="H44" s="107"/>
      <c r="I44" s="216"/>
      <c r="J44" s="186"/>
      <c r="K44" s="217"/>
      <c r="L44" s="161"/>
    </row>
    <row r="45" spans="1:24">
      <c r="A45" s="112"/>
      <c r="B45" s="113"/>
      <c r="C45" s="114"/>
      <c r="D45" s="115"/>
      <c r="E45" s="116"/>
      <c r="F45" s="116"/>
      <c r="G45" s="117"/>
      <c r="H45" s="117"/>
      <c r="I45" s="218"/>
      <c r="J45" s="212"/>
      <c r="K45" s="189"/>
      <c r="L45" s="179"/>
    </row>
    <row r="46" spans="1:24">
      <c r="A46" s="202"/>
      <c r="B46" s="124"/>
      <c r="C46" s="125"/>
      <c r="D46" s="299"/>
      <c r="E46" s="127"/>
      <c r="F46" s="127"/>
      <c r="G46" s="215"/>
      <c r="H46" s="215"/>
      <c r="I46" s="219"/>
      <c r="J46" s="236"/>
      <c r="K46" s="235"/>
      <c r="L46" s="184"/>
    </row>
    <row r="47" spans="1:24">
      <c r="A47" s="102"/>
      <c r="B47" s="103"/>
      <c r="C47" s="104"/>
      <c r="D47" s="156"/>
      <c r="E47" s="106"/>
      <c r="F47" s="106"/>
      <c r="G47" s="107"/>
      <c r="H47" s="107"/>
      <c r="I47" s="216"/>
      <c r="J47" s="186"/>
      <c r="K47" s="160"/>
      <c r="L47" s="161"/>
      <c r="P47" s="220"/>
    </row>
    <row r="48" spans="1:24">
      <c r="A48" s="112"/>
      <c r="B48" s="113"/>
      <c r="C48" s="114"/>
      <c r="D48" s="115"/>
      <c r="E48" s="116"/>
      <c r="F48" s="116"/>
      <c r="G48" s="117"/>
      <c r="H48" s="117"/>
      <c r="I48" s="214"/>
      <c r="J48" s="188"/>
      <c r="K48" s="300"/>
      <c r="L48" s="179"/>
    </row>
    <row r="49" spans="1:12" ht="14.25" thickBot="1">
      <c r="A49" s="221"/>
      <c r="B49" s="222"/>
      <c r="C49" s="223"/>
      <c r="D49" s="224"/>
      <c r="E49" s="225"/>
      <c r="F49" s="225"/>
      <c r="G49" s="301"/>
      <c r="H49" s="301"/>
      <c r="I49" s="226"/>
      <c r="J49" s="227"/>
      <c r="K49" s="228"/>
      <c r="L49" s="229"/>
    </row>
    <row r="50" spans="1:12" ht="14.25">
      <c r="A50" s="85"/>
      <c r="B50" s="85"/>
      <c r="C50" s="85"/>
      <c r="D50" s="85"/>
      <c r="E50" s="87"/>
      <c r="F50" s="87"/>
      <c r="G50" s="88"/>
      <c r="H50" s="88"/>
      <c r="I50" s="88"/>
      <c r="J50" s="88"/>
      <c r="K50" s="85"/>
      <c r="L50" s="85"/>
    </row>
  </sheetData>
  <mergeCells count="4">
    <mergeCell ref="D3:F3"/>
    <mergeCell ref="I4:K4"/>
    <mergeCell ref="N26:N27"/>
    <mergeCell ref="O26:S26"/>
  </mergeCells>
  <phoneticPr fontId="10"/>
  <pageMargins left="0.7" right="0.7" top="0.75" bottom="0.75" header="0.3" footer="0.3"/>
  <pageSetup paperSize="9" scale="67" fitToHeight="0" orientation="landscape" horizontalDpi="4294967294" verticalDpi="12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rgb="FFFF00FF"/>
    <pageSetUpPr fitToPage="1"/>
  </sheetPr>
  <dimension ref="A1:I74"/>
  <sheetViews>
    <sheetView view="pageBreakPreview" zoomScaleNormal="40" zoomScaleSheetLayoutView="100" workbookViewId="0">
      <selection activeCell="G11" sqref="G11"/>
    </sheetView>
  </sheetViews>
  <sheetFormatPr defaultColWidth="10.28515625" defaultRowHeight="11.25"/>
  <cols>
    <col min="1" max="1" width="14.140625" style="82" bestFit="1" customWidth="1"/>
    <col min="2" max="2" width="20.42578125" style="82" customWidth="1"/>
    <col min="3" max="3" width="22.85546875" style="82" bestFit="1" customWidth="1"/>
    <col min="4" max="4" width="20" style="82" customWidth="1"/>
    <col min="5" max="5" width="7.5703125" style="82" bestFit="1" customWidth="1"/>
    <col min="6" max="6" width="10.5703125" style="83" customWidth="1"/>
    <col min="7" max="7" width="13.85546875" style="82" customWidth="1"/>
    <col min="8" max="8" width="13.85546875" style="84" customWidth="1"/>
    <col min="9" max="9" width="26.7109375" style="82" customWidth="1"/>
    <col min="10" max="16384" width="10.28515625" style="82"/>
  </cols>
  <sheetData>
    <row r="1" spans="1:9" s="81" customFormat="1" ht="32.25" customHeight="1">
      <c r="A1" s="77" t="s">
        <v>0</v>
      </c>
      <c r="B1" s="78" t="s">
        <v>1</v>
      </c>
      <c r="C1" s="78" t="s">
        <v>2</v>
      </c>
      <c r="D1" s="78" t="s">
        <v>3</v>
      </c>
      <c r="E1" s="78" t="s">
        <v>4</v>
      </c>
      <c r="F1" s="78" t="s">
        <v>5</v>
      </c>
      <c r="G1" s="78" t="s">
        <v>80</v>
      </c>
      <c r="H1" s="79" t="s">
        <v>65</v>
      </c>
      <c r="I1" s="80" t="s">
        <v>6</v>
      </c>
    </row>
    <row r="2" spans="1:9" s="81" customFormat="1" ht="13.5" customHeight="1">
      <c r="A2" s="238"/>
      <c r="B2" s="239"/>
      <c r="C2" s="239"/>
      <c r="D2" s="239"/>
      <c r="E2" s="240"/>
      <c r="F2" s="241"/>
      <c r="G2" s="242"/>
      <c r="H2" s="243"/>
      <c r="I2" s="244"/>
    </row>
    <row r="3" spans="1:9" s="81" customFormat="1" ht="13.5" customHeight="1">
      <c r="A3" s="245"/>
      <c r="B3" s="246"/>
      <c r="C3" s="246"/>
      <c r="D3" s="246"/>
      <c r="E3" s="247"/>
      <c r="F3" s="248"/>
      <c r="G3" s="249"/>
      <c r="H3" s="250"/>
      <c r="I3" s="251"/>
    </row>
    <row r="4" spans="1:9" ht="13.5" customHeight="1">
      <c r="A4" s="252" t="s">
        <v>29</v>
      </c>
      <c r="B4" s="253" t="s">
        <v>12</v>
      </c>
      <c r="C4" s="253"/>
      <c r="D4" s="253"/>
      <c r="E4" s="254"/>
      <c r="F4" s="255"/>
      <c r="G4" s="256"/>
      <c r="H4" s="257"/>
      <c r="I4" s="258"/>
    </row>
    <row r="5" spans="1:9" s="81" customFormat="1" ht="13.5" customHeight="1">
      <c r="A5" s="259"/>
      <c r="B5" s="239"/>
      <c r="C5" s="239"/>
      <c r="D5" s="239"/>
      <c r="E5" s="240"/>
      <c r="F5" s="241"/>
      <c r="G5" s="242"/>
      <c r="H5" s="243"/>
      <c r="I5" s="244"/>
    </row>
    <row r="6" spans="1:9" s="81" customFormat="1" ht="13.5" customHeight="1">
      <c r="A6" s="260"/>
      <c r="B6" s="246"/>
      <c r="C6" s="246"/>
      <c r="D6" s="246"/>
      <c r="E6" s="247"/>
      <c r="F6" s="248"/>
      <c r="G6" s="249"/>
      <c r="H6" s="250"/>
      <c r="I6" s="251"/>
    </row>
    <row r="7" spans="1:9" ht="13.5" customHeight="1">
      <c r="A7" s="261"/>
      <c r="B7" s="253"/>
      <c r="C7" s="253" t="s">
        <v>30</v>
      </c>
      <c r="D7" s="253" t="s">
        <v>115</v>
      </c>
      <c r="E7" s="254" t="s">
        <v>10</v>
      </c>
      <c r="F7" s="255">
        <v>1</v>
      </c>
      <c r="G7" s="262"/>
      <c r="H7" s="263"/>
      <c r="I7" s="264" t="s">
        <v>84</v>
      </c>
    </row>
    <row r="8" spans="1:9" s="81" customFormat="1" ht="13.5" customHeight="1">
      <c r="A8" s="238"/>
      <c r="B8" s="239"/>
      <c r="C8" s="239"/>
      <c r="D8" s="239"/>
      <c r="E8" s="240"/>
      <c r="F8" s="241"/>
      <c r="G8" s="242"/>
      <c r="H8" s="265"/>
      <c r="I8" s="244"/>
    </row>
    <row r="9" spans="1:9" s="81" customFormat="1" ht="13.5" customHeight="1">
      <c r="A9" s="245"/>
      <c r="B9" s="246"/>
      <c r="C9" s="246"/>
      <c r="D9" s="246"/>
      <c r="E9" s="247"/>
      <c r="F9" s="248"/>
      <c r="G9" s="249"/>
      <c r="H9" s="266"/>
      <c r="I9" s="251"/>
    </row>
    <row r="10" spans="1:9" ht="13.5" customHeight="1">
      <c r="A10" s="261"/>
      <c r="B10" s="253"/>
      <c r="C10" s="253" t="s">
        <v>31</v>
      </c>
      <c r="D10" s="253" t="s">
        <v>115</v>
      </c>
      <c r="E10" s="254" t="s">
        <v>10</v>
      </c>
      <c r="F10" s="255">
        <v>1</v>
      </c>
      <c r="G10" s="256"/>
      <c r="H10" s="263"/>
      <c r="I10" s="264" t="s">
        <v>85</v>
      </c>
    </row>
    <row r="11" spans="1:9" ht="13.5" customHeight="1">
      <c r="A11" s="238"/>
      <c r="B11" s="239"/>
      <c r="C11" s="239"/>
      <c r="D11" s="239"/>
      <c r="E11" s="240"/>
      <c r="F11" s="241"/>
      <c r="G11" s="242"/>
      <c r="H11" s="265"/>
      <c r="I11" s="244"/>
    </row>
    <row r="12" spans="1:9" ht="13.5" customHeight="1">
      <c r="A12" s="245"/>
      <c r="B12" s="246"/>
      <c r="C12" s="246"/>
      <c r="D12" s="246"/>
      <c r="E12" s="247"/>
      <c r="F12" s="248"/>
      <c r="G12" s="249"/>
      <c r="H12" s="266"/>
      <c r="I12" s="251"/>
    </row>
    <row r="13" spans="1:9" ht="13.5" customHeight="1">
      <c r="A13" s="261"/>
      <c r="B13" s="253"/>
      <c r="C13" s="253" t="s">
        <v>95</v>
      </c>
      <c r="D13" s="253"/>
      <c r="E13" s="254" t="s">
        <v>10</v>
      </c>
      <c r="F13" s="255">
        <v>1</v>
      </c>
      <c r="G13" s="256"/>
      <c r="H13" s="257"/>
      <c r="I13" s="264" t="s">
        <v>86</v>
      </c>
    </row>
    <row r="14" spans="1:9" s="81" customFormat="1" ht="13.5" customHeight="1">
      <c r="A14" s="238"/>
      <c r="B14" s="239"/>
      <c r="C14" s="239"/>
      <c r="D14" s="239"/>
      <c r="E14" s="240"/>
      <c r="F14" s="241"/>
      <c r="G14" s="242"/>
      <c r="H14" s="265"/>
      <c r="I14" s="244"/>
    </row>
    <row r="15" spans="1:9" s="81" customFormat="1" ht="13.5" customHeight="1">
      <c r="A15" s="245"/>
      <c r="B15" s="246"/>
      <c r="C15" s="246"/>
      <c r="D15" s="246"/>
      <c r="E15" s="247"/>
      <c r="F15" s="248"/>
      <c r="G15" s="249"/>
      <c r="H15" s="266"/>
      <c r="I15" s="269"/>
    </row>
    <row r="16" spans="1:9" ht="13.5" customHeight="1">
      <c r="A16" s="261"/>
      <c r="B16" s="253"/>
      <c r="C16" s="253"/>
      <c r="D16" s="253"/>
      <c r="E16" s="254"/>
      <c r="F16" s="255"/>
      <c r="G16" s="256"/>
      <c r="H16" s="257"/>
      <c r="I16" s="264"/>
    </row>
    <row r="17" spans="1:9" ht="13.5" customHeight="1">
      <c r="A17" s="238"/>
      <c r="B17" s="239"/>
      <c r="C17" s="239"/>
      <c r="D17" s="239"/>
      <c r="E17" s="240"/>
      <c r="F17" s="241"/>
      <c r="G17" s="242"/>
      <c r="H17" s="265"/>
      <c r="I17" s="244"/>
    </row>
    <row r="18" spans="1:9" ht="13.5" customHeight="1">
      <c r="A18" s="245"/>
      <c r="B18" s="246"/>
      <c r="C18" s="246"/>
      <c r="D18" s="246"/>
      <c r="E18" s="247"/>
      <c r="F18" s="248"/>
      <c r="G18" s="249"/>
      <c r="H18" s="266"/>
      <c r="I18" s="251"/>
    </row>
    <row r="19" spans="1:9" ht="13.5" customHeight="1">
      <c r="A19" s="268"/>
      <c r="B19" s="253"/>
      <c r="C19" s="253"/>
      <c r="D19" s="253"/>
      <c r="E19" s="254"/>
      <c r="F19" s="255"/>
      <c r="G19" s="256"/>
      <c r="H19" s="267"/>
      <c r="I19" s="264"/>
    </row>
    <row r="20" spans="1:9" s="81" customFormat="1" ht="13.5" customHeight="1">
      <c r="A20" s="238"/>
      <c r="B20" s="239"/>
      <c r="C20" s="239"/>
      <c r="D20" s="239"/>
      <c r="E20" s="240"/>
      <c r="F20" s="241"/>
      <c r="G20" s="242"/>
      <c r="H20" s="265"/>
      <c r="I20" s="244"/>
    </row>
    <row r="21" spans="1:9" s="81" customFormat="1" ht="13.5" customHeight="1">
      <c r="A21" s="245"/>
      <c r="B21" s="246"/>
      <c r="C21" s="246"/>
      <c r="D21" s="246"/>
      <c r="E21" s="247"/>
      <c r="F21" s="248"/>
      <c r="G21" s="249"/>
      <c r="H21" s="266"/>
      <c r="I21" s="269"/>
    </row>
    <row r="22" spans="1:9" ht="13.5" customHeight="1">
      <c r="A22" s="261"/>
      <c r="B22" s="253"/>
      <c r="C22" s="253"/>
      <c r="D22" s="253"/>
      <c r="E22" s="254"/>
      <c r="F22" s="255"/>
      <c r="G22" s="256"/>
      <c r="H22" s="257"/>
      <c r="I22" s="264"/>
    </row>
    <row r="23" spans="1:9" s="81" customFormat="1" ht="13.5" customHeight="1">
      <c r="A23" s="238"/>
      <c r="B23" s="239"/>
      <c r="C23" s="239"/>
      <c r="D23" s="239"/>
      <c r="E23" s="240"/>
      <c r="F23" s="241"/>
      <c r="G23" s="242"/>
      <c r="H23" s="265"/>
      <c r="I23" s="244"/>
    </row>
    <row r="24" spans="1:9" s="81" customFormat="1" ht="13.5" customHeight="1">
      <c r="A24" s="245"/>
      <c r="B24" s="246"/>
      <c r="C24" s="246"/>
      <c r="D24" s="246"/>
      <c r="E24" s="247"/>
      <c r="F24" s="248"/>
      <c r="G24" s="249"/>
      <c r="H24" s="266"/>
      <c r="I24" s="251"/>
    </row>
    <row r="25" spans="1:9" ht="13.5" customHeight="1">
      <c r="A25" s="261"/>
      <c r="B25" s="253"/>
      <c r="C25" s="253"/>
      <c r="D25" s="253"/>
      <c r="E25" s="254"/>
      <c r="F25" s="255"/>
      <c r="G25" s="256"/>
      <c r="H25" s="267"/>
      <c r="I25" s="264"/>
    </row>
    <row r="26" spans="1:9" ht="13.5" customHeight="1">
      <c r="A26" s="238"/>
      <c r="B26" s="239"/>
      <c r="C26" s="239"/>
      <c r="D26" s="239"/>
      <c r="E26" s="240"/>
      <c r="F26" s="241"/>
      <c r="G26" s="242"/>
      <c r="H26" s="265"/>
      <c r="I26" s="244"/>
    </row>
    <row r="27" spans="1:9" ht="13.5" customHeight="1">
      <c r="A27" s="245"/>
      <c r="B27" s="246"/>
      <c r="C27" s="246"/>
      <c r="D27" s="246"/>
      <c r="E27" s="247"/>
      <c r="F27" s="248"/>
      <c r="G27" s="249"/>
      <c r="H27" s="266"/>
      <c r="I27" s="269"/>
    </row>
    <row r="28" spans="1:9" ht="13.5" customHeight="1">
      <c r="A28" s="261"/>
      <c r="B28" s="253" t="s">
        <v>89</v>
      </c>
      <c r="D28" s="253"/>
      <c r="E28" s="254"/>
      <c r="F28" s="255"/>
      <c r="G28" s="256"/>
      <c r="H28" s="257"/>
      <c r="I28" s="270"/>
    </row>
    <row r="29" spans="1:9" s="81" customFormat="1" ht="13.5" customHeight="1">
      <c r="A29" s="271"/>
      <c r="B29" s="239"/>
      <c r="C29" s="239"/>
      <c r="D29" s="239"/>
      <c r="E29" s="240"/>
      <c r="F29" s="241"/>
      <c r="G29" s="242"/>
      <c r="H29" s="265"/>
      <c r="I29" s="244"/>
    </row>
    <row r="30" spans="1:9" s="81" customFormat="1" ht="13.5" customHeight="1">
      <c r="A30" s="271"/>
      <c r="B30" s="246"/>
      <c r="C30" s="246"/>
      <c r="D30" s="246"/>
      <c r="E30" s="247"/>
      <c r="F30" s="248"/>
      <c r="G30" s="249"/>
      <c r="H30" s="266"/>
      <c r="I30" s="251"/>
    </row>
    <row r="31" spans="1:9" ht="13.5" customHeight="1">
      <c r="A31" s="272"/>
      <c r="B31" s="253"/>
      <c r="C31" s="253"/>
      <c r="D31" s="253"/>
      <c r="E31" s="254"/>
      <c r="F31" s="255"/>
      <c r="G31" s="256"/>
      <c r="H31" s="267"/>
      <c r="I31" s="264"/>
    </row>
    <row r="32" spans="1:9" s="81" customFormat="1" ht="13.5" customHeight="1">
      <c r="A32" s="238"/>
      <c r="B32" s="239"/>
      <c r="C32" s="239"/>
      <c r="D32" s="239"/>
      <c r="E32" s="240"/>
      <c r="F32" s="241"/>
      <c r="G32" s="242"/>
      <c r="H32" s="265"/>
      <c r="I32" s="244"/>
    </row>
    <row r="33" spans="1:9" s="81" customFormat="1" ht="13.5" customHeight="1">
      <c r="A33" s="245"/>
      <c r="B33" s="246"/>
      <c r="C33" s="246"/>
      <c r="D33" s="246"/>
      <c r="E33" s="247"/>
      <c r="F33" s="248"/>
      <c r="G33" s="249"/>
      <c r="H33" s="266"/>
      <c r="I33" s="269"/>
    </row>
    <row r="34" spans="1:9" ht="13.5" customHeight="1">
      <c r="A34" s="261"/>
      <c r="B34" s="253"/>
      <c r="D34" s="253"/>
      <c r="E34" s="254"/>
      <c r="F34" s="255"/>
      <c r="G34" s="256"/>
      <c r="H34" s="257"/>
      <c r="I34" s="270"/>
    </row>
    <row r="35" spans="1:9" s="81" customFormat="1" ht="13.5" customHeight="1">
      <c r="A35" s="238"/>
      <c r="B35" s="239"/>
      <c r="C35" s="239"/>
      <c r="D35" s="239"/>
      <c r="E35" s="240"/>
      <c r="F35" s="241"/>
      <c r="G35" s="242"/>
      <c r="H35" s="243"/>
      <c r="I35" s="251"/>
    </row>
    <row r="36" spans="1:9" s="81" customFormat="1" ht="13.5" customHeight="1">
      <c r="A36" s="245"/>
      <c r="B36" s="246"/>
      <c r="C36" s="246"/>
      <c r="D36" s="246"/>
      <c r="E36" s="247"/>
      <c r="F36" s="248"/>
      <c r="G36" s="249"/>
      <c r="H36" s="250"/>
      <c r="I36" s="273"/>
    </row>
    <row r="37" spans="1:9" ht="13.5" customHeight="1">
      <c r="A37" s="275"/>
      <c r="B37" s="276"/>
      <c r="C37" s="276"/>
      <c r="D37" s="276"/>
      <c r="E37" s="277"/>
      <c r="F37" s="278"/>
      <c r="G37" s="279"/>
      <c r="H37" s="290"/>
      <c r="I37" s="291"/>
    </row>
    <row r="38" spans="1:9" s="81" customFormat="1" ht="32.25" customHeight="1">
      <c r="A38" s="77" t="s">
        <v>0</v>
      </c>
      <c r="B38" s="78" t="s">
        <v>1</v>
      </c>
      <c r="C38" s="78" t="s">
        <v>2</v>
      </c>
      <c r="D38" s="78" t="s">
        <v>3</v>
      </c>
      <c r="E38" s="78" t="s">
        <v>4</v>
      </c>
      <c r="F38" s="78" t="s">
        <v>5</v>
      </c>
      <c r="G38" s="78" t="s">
        <v>80</v>
      </c>
      <c r="H38" s="79" t="s">
        <v>65</v>
      </c>
      <c r="I38" s="80" t="s">
        <v>6</v>
      </c>
    </row>
    <row r="39" spans="1:9" s="81" customFormat="1" ht="13.5" customHeight="1">
      <c r="A39" s="238"/>
      <c r="B39" s="239"/>
      <c r="C39" s="239"/>
      <c r="D39" s="239"/>
      <c r="E39" s="240"/>
      <c r="F39" s="241"/>
      <c r="G39" s="242"/>
      <c r="H39" s="243"/>
      <c r="I39" s="244"/>
    </row>
    <row r="40" spans="1:9" s="81" customFormat="1" ht="13.5" customHeight="1">
      <c r="A40" s="245"/>
      <c r="B40" s="246"/>
      <c r="C40" s="246"/>
      <c r="D40" s="246"/>
      <c r="E40" s="247"/>
      <c r="F40" s="248"/>
      <c r="G40" s="249"/>
      <c r="H40" s="250"/>
      <c r="I40" s="251"/>
    </row>
    <row r="41" spans="1:9" ht="13.5" customHeight="1">
      <c r="A41" s="272" t="s">
        <v>81</v>
      </c>
      <c r="B41" s="253" t="s">
        <v>33</v>
      </c>
      <c r="C41" s="253"/>
      <c r="D41" s="253"/>
      <c r="E41" s="254"/>
      <c r="F41" s="255"/>
      <c r="G41" s="256"/>
      <c r="H41" s="274"/>
      <c r="I41" s="258"/>
    </row>
    <row r="42" spans="1:9" s="81" customFormat="1" ht="13.5" customHeight="1">
      <c r="A42" s="238"/>
      <c r="B42" s="239"/>
      <c r="C42" s="239"/>
      <c r="D42" s="239"/>
      <c r="E42" s="240"/>
      <c r="F42" s="241"/>
      <c r="G42" s="242"/>
      <c r="H42" s="243"/>
      <c r="I42" s="281"/>
    </row>
    <row r="43" spans="1:9" s="81" customFormat="1" ht="13.5" customHeight="1">
      <c r="A43" s="245"/>
      <c r="B43" s="246"/>
      <c r="C43" s="246"/>
      <c r="D43" s="246"/>
      <c r="E43" s="247"/>
      <c r="F43" s="248"/>
      <c r="G43" s="249"/>
      <c r="H43" s="250"/>
      <c r="I43" s="269"/>
    </row>
    <row r="44" spans="1:9" ht="13.5" customHeight="1">
      <c r="A44" s="261"/>
      <c r="B44" s="253"/>
      <c r="C44" s="253" t="s">
        <v>34</v>
      </c>
      <c r="D44" s="253"/>
      <c r="E44" s="254" t="s">
        <v>10</v>
      </c>
      <c r="F44" s="255">
        <v>1</v>
      </c>
      <c r="G44" s="256"/>
      <c r="H44" s="274"/>
      <c r="I44" s="264"/>
    </row>
    <row r="45" spans="1:9" s="81" customFormat="1" ht="13.5" customHeight="1">
      <c r="A45" s="238"/>
      <c r="B45" s="239"/>
      <c r="C45" s="239"/>
      <c r="D45" s="239"/>
      <c r="E45" s="240"/>
      <c r="F45" s="241"/>
      <c r="G45" s="242"/>
      <c r="H45" s="243"/>
      <c r="I45" s="251"/>
    </row>
    <row r="46" spans="1:9" s="81" customFormat="1" ht="13.5" customHeight="1">
      <c r="A46" s="245"/>
      <c r="B46" s="246"/>
      <c r="C46" s="246"/>
      <c r="D46" s="246"/>
      <c r="E46" s="247"/>
      <c r="F46" s="248"/>
      <c r="G46" s="249"/>
      <c r="H46" s="250"/>
      <c r="I46" s="273"/>
    </row>
    <row r="47" spans="1:9" ht="13.5" customHeight="1">
      <c r="A47" s="261"/>
      <c r="B47" s="253"/>
      <c r="C47" s="253" t="s">
        <v>64</v>
      </c>
      <c r="D47" s="253"/>
      <c r="E47" s="254" t="s">
        <v>10</v>
      </c>
      <c r="F47" s="255">
        <v>1</v>
      </c>
      <c r="G47" s="256"/>
      <c r="H47" s="274"/>
      <c r="I47" s="258"/>
    </row>
    <row r="48" spans="1:9" ht="13.5" customHeight="1">
      <c r="A48" s="238"/>
      <c r="B48" s="239"/>
      <c r="C48" s="239"/>
      <c r="D48" s="239"/>
      <c r="E48" s="240"/>
      <c r="F48" s="241"/>
      <c r="G48" s="242"/>
      <c r="H48" s="243"/>
      <c r="I48" s="244"/>
    </row>
    <row r="49" spans="1:9" ht="13.5" customHeight="1">
      <c r="A49" s="245"/>
      <c r="B49" s="246"/>
      <c r="C49" s="246"/>
      <c r="D49" s="246"/>
      <c r="E49" s="247"/>
      <c r="F49" s="248"/>
      <c r="G49" s="249"/>
      <c r="H49" s="250"/>
      <c r="I49" s="251"/>
    </row>
    <row r="50" spans="1:9" ht="13.5" customHeight="1">
      <c r="A50" s="261"/>
      <c r="B50" s="253"/>
      <c r="C50" s="253" t="s">
        <v>99</v>
      </c>
      <c r="D50" s="253"/>
      <c r="E50" s="254" t="s">
        <v>40</v>
      </c>
      <c r="F50" s="255">
        <v>1</v>
      </c>
      <c r="G50" s="256"/>
      <c r="H50" s="282"/>
      <c r="I50" s="264"/>
    </row>
    <row r="51" spans="1:9" ht="13.5" customHeight="1">
      <c r="A51" s="245"/>
      <c r="B51" s="239"/>
      <c r="C51" s="239"/>
      <c r="D51" s="239"/>
      <c r="E51" s="240"/>
      <c r="F51" s="241"/>
      <c r="G51" s="242"/>
      <c r="H51" s="243"/>
      <c r="I51" s="244"/>
    </row>
    <row r="52" spans="1:9" ht="13.5" customHeight="1">
      <c r="A52" s="245"/>
      <c r="B52" s="246"/>
      <c r="C52" s="246"/>
      <c r="D52" s="246"/>
      <c r="E52" s="247"/>
      <c r="F52" s="248"/>
      <c r="G52" s="249"/>
      <c r="H52" s="250"/>
      <c r="I52" s="251"/>
    </row>
    <row r="53" spans="1:9" ht="13.5" customHeight="1">
      <c r="A53" s="252"/>
      <c r="B53" s="253" t="s">
        <v>32</v>
      </c>
      <c r="C53" s="253"/>
      <c r="D53" s="253"/>
      <c r="E53" s="254"/>
      <c r="F53" s="255"/>
      <c r="G53" s="256"/>
      <c r="H53" s="282"/>
      <c r="I53" s="283"/>
    </row>
    <row r="54" spans="1:9" s="81" customFormat="1" ht="13.5" customHeight="1">
      <c r="A54" s="259"/>
      <c r="B54" s="239"/>
      <c r="C54" s="239"/>
      <c r="D54" s="239"/>
      <c r="E54" s="240"/>
      <c r="F54" s="241"/>
      <c r="G54" s="242"/>
      <c r="H54" s="243"/>
      <c r="I54" s="244"/>
    </row>
    <row r="55" spans="1:9" s="81" customFormat="1" ht="13.5" customHeight="1">
      <c r="A55" s="260"/>
      <c r="B55" s="246"/>
      <c r="C55" s="246"/>
      <c r="D55" s="246"/>
      <c r="E55" s="247"/>
      <c r="F55" s="248"/>
      <c r="G55" s="249"/>
      <c r="H55" s="250"/>
      <c r="I55" s="251"/>
    </row>
    <row r="56" spans="1:9" ht="13.5" customHeight="1">
      <c r="A56" s="252"/>
      <c r="B56" s="253"/>
      <c r="C56" s="253"/>
      <c r="D56" s="253"/>
      <c r="E56" s="254"/>
      <c r="F56" s="255"/>
      <c r="G56" s="256"/>
      <c r="H56" s="257"/>
      <c r="I56" s="264"/>
    </row>
    <row r="57" spans="1:9" s="81" customFormat="1" ht="13.5" customHeight="1">
      <c r="A57" s="259"/>
      <c r="B57" s="239"/>
      <c r="C57" s="239"/>
      <c r="D57" s="239"/>
      <c r="E57" s="240"/>
      <c r="F57" s="241"/>
      <c r="G57" s="242"/>
      <c r="H57" s="243"/>
      <c r="I57" s="244"/>
    </row>
    <row r="58" spans="1:9" s="81" customFormat="1" ht="13.5" customHeight="1">
      <c r="A58" s="260"/>
      <c r="B58" s="246"/>
      <c r="C58" s="246"/>
      <c r="D58" s="246"/>
      <c r="E58" s="247"/>
      <c r="F58" s="248"/>
      <c r="G58" s="249"/>
      <c r="H58" s="250"/>
      <c r="I58" s="251"/>
    </row>
    <row r="59" spans="1:9" ht="13.5" customHeight="1">
      <c r="A59" s="261"/>
      <c r="B59" s="253"/>
      <c r="C59" s="253"/>
      <c r="D59" s="253"/>
      <c r="E59" s="254"/>
      <c r="F59" s="255"/>
      <c r="G59" s="262"/>
      <c r="H59" s="263"/>
      <c r="I59" s="264"/>
    </row>
    <row r="60" spans="1:9" ht="13.5" customHeight="1">
      <c r="A60" s="238"/>
      <c r="B60" s="239"/>
      <c r="C60" s="239"/>
      <c r="D60" s="239"/>
      <c r="E60" s="240"/>
      <c r="F60" s="241"/>
      <c r="G60" s="242"/>
      <c r="H60" s="265"/>
      <c r="I60" s="244"/>
    </row>
    <row r="61" spans="1:9" ht="13.5" customHeight="1">
      <c r="A61" s="245"/>
      <c r="B61" s="246"/>
      <c r="C61" s="246"/>
      <c r="D61" s="246"/>
      <c r="E61" s="247"/>
      <c r="F61" s="248"/>
      <c r="G61" s="249"/>
      <c r="H61" s="266"/>
      <c r="I61" s="251"/>
    </row>
    <row r="62" spans="1:9" ht="13.5" customHeight="1">
      <c r="A62" s="261"/>
      <c r="B62" s="253"/>
      <c r="D62" s="253"/>
      <c r="E62" s="254"/>
      <c r="F62" s="255"/>
      <c r="G62" s="256"/>
      <c r="H62" s="257"/>
      <c r="I62" s="264"/>
    </row>
    <row r="63" spans="1:9" s="81" customFormat="1" ht="13.5" customHeight="1">
      <c r="A63" s="271"/>
      <c r="B63" s="239"/>
      <c r="C63" s="239"/>
      <c r="D63" s="239"/>
      <c r="E63" s="240"/>
      <c r="F63" s="241"/>
      <c r="G63" s="242"/>
      <c r="H63" s="243"/>
      <c r="I63" s="244"/>
    </row>
    <row r="64" spans="1:9" s="81" customFormat="1" ht="13.5" customHeight="1">
      <c r="A64" s="271"/>
      <c r="B64" s="246"/>
      <c r="C64" s="246"/>
      <c r="D64" s="246"/>
      <c r="E64" s="247"/>
      <c r="F64" s="248"/>
      <c r="G64" s="249"/>
      <c r="H64" s="250"/>
      <c r="I64" s="251"/>
    </row>
    <row r="65" spans="1:9" ht="13.5" customHeight="1">
      <c r="A65" s="272"/>
      <c r="B65" s="253"/>
      <c r="C65" s="253"/>
      <c r="D65" s="253"/>
      <c r="E65" s="254"/>
      <c r="F65" s="255"/>
      <c r="G65" s="256"/>
      <c r="H65" s="274"/>
      <c r="I65" s="258"/>
    </row>
    <row r="66" spans="1:9" s="81" customFormat="1" ht="13.5" customHeight="1">
      <c r="A66" s="238"/>
      <c r="B66" s="239"/>
      <c r="C66" s="239"/>
      <c r="D66" s="239"/>
      <c r="E66" s="240"/>
      <c r="F66" s="241"/>
      <c r="G66" s="242"/>
      <c r="H66" s="265"/>
      <c r="I66" s="281"/>
    </row>
    <row r="67" spans="1:9" s="81" customFormat="1" ht="13.5" customHeight="1">
      <c r="A67" s="245"/>
      <c r="B67" s="246"/>
      <c r="C67" s="246"/>
      <c r="D67" s="246"/>
      <c r="E67" s="247"/>
      <c r="F67" s="248"/>
      <c r="G67" s="249"/>
      <c r="H67" s="266"/>
      <c r="I67" s="269"/>
    </row>
    <row r="68" spans="1:9" ht="13.5" customHeight="1">
      <c r="A68" s="252"/>
      <c r="B68" s="253"/>
      <c r="C68" s="253"/>
      <c r="D68" s="253"/>
      <c r="E68" s="254"/>
      <c r="F68" s="255"/>
      <c r="G68" s="256"/>
      <c r="H68" s="257"/>
      <c r="I68" s="264"/>
    </row>
    <row r="69" spans="1:9" s="81" customFormat="1" ht="13.5" customHeight="1">
      <c r="A69" s="259"/>
      <c r="B69" s="239"/>
      <c r="C69" s="239"/>
      <c r="D69" s="239"/>
      <c r="E69" s="240"/>
      <c r="F69" s="241"/>
      <c r="G69" s="242"/>
      <c r="H69" s="243"/>
      <c r="I69" s="251"/>
    </row>
    <row r="70" spans="1:9" s="81" customFormat="1" ht="13.5" customHeight="1">
      <c r="A70" s="260"/>
      <c r="B70" s="246"/>
      <c r="C70" s="246"/>
      <c r="D70" s="246"/>
      <c r="E70" s="247"/>
      <c r="F70" s="248"/>
      <c r="G70" s="249"/>
      <c r="H70" s="250"/>
      <c r="I70" s="273"/>
    </row>
    <row r="71" spans="1:9" ht="13.5" customHeight="1">
      <c r="A71" s="261"/>
      <c r="B71" s="253"/>
      <c r="C71" s="253"/>
      <c r="D71" s="253"/>
      <c r="E71" s="254"/>
      <c r="F71" s="255"/>
      <c r="G71" s="284"/>
      <c r="H71" s="263"/>
      <c r="I71" s="258"/>
    </row>
    <row r="72" spans="1:9" s="81" customFormat="1" ht="13.5" customHeight="1">
      <c r="A72" s="238"/>
      <c r="B72" s="239"/>
      <c r="C72" s="239"/>
      <c r="D72" s="239"/>
      <c r="E72" s="240"/>
      <c r="F72" s="241"/>
      <c r="G72" s="242"/>
      <c r="H72" s="265"/>
      <c r="I72" s="244"/>
    </row>
    <row r="73" spans="1:9" s="81" customFormat="1" ht="13.5" customHeight="1">
      <c r="A73" s="245"/>
      <c r="B73" s="246"/>
      <c r="C73" s="246"/>
      <c r="D73" s="246"/>
      <c r="E73" s="247"/>
      <c r="F73" s="248"/>
      <c r="G73" s="249"/>
      <c r="H73" s="266"/>
      <c r="I73" s="251"/>
    </row>
    <row r="74" spans="1:9" ht="13.5" customHeight="1">
      <c r="A74" s="275"/>
      <c r="B74" s="276"/>
      <c r="C74" s="285"/>
      <c r="D74" s="276"/>
      <c r="E74" s="277"/>
      <c r="F74" s="278"/>
      <c r="G74" s="279"/>
      <c r="H74" s="286"/>
      <c r="I74" s="280"/>
    </row>
  </sheetData>
  <phoneticPr fontId="10"/>
  <pageMargins left="0.7" right="0.7" top="0.75" bottom="0.75" header="0.3" footer="0.3"/>
  <pageSetup paperSize="9" scale="97" fitToHeight="0" orientation="landscape" horizontalDpi="4294967294" verticalDpi="1200" r:id="rId1"/>
  <rowBreaks count="1" manualBreakCount="1">
    <brk id="37" max="8" man="1"/>
  </rowBreaks>
  <colBreaks count="1" manualBreakCount="1">
    <brk id="9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indexed="33"/>
  </sheetPr>
  <dimension ref="A1:K18"/>
  <sheetViews>
    <sheetView view="pageBreakPreview" zoomScaleNormal="100" workbookViewId="0">
      <selection activeCell="O31" sqref="O1:Q31"/>
    </sheetView>
  </sheetViews>
  <sheetFormatPr defaultRowHeight="12"/>
  <cols>
    <col min="1" max="2" width="16.140625" customWidth="1"/>
    <col min="3" max="3" width="9.42578125" customWidth="1"/>
    <col min="4" max="11" width="12.85546875" customWidth="1"/>
    <col min="12" max="12" width="2.28515625" customWidth="1"/>
  </cols>
  <sheetData>
    <row r="1" spans="1:11" ht="25.5" customHeight="1">
      <c r="A1" t="s">
        <v>88</v>
      </c>
      <c r="D1" s="1"/>
      <c r="E1" s="388" t="s">
        <v>28</v>
      </c>
      <c r="F1" s="388"/>
      <c r="G1" s="388"/>
      <c r="H1" s="388"/>
      <c r="I1" s="381" t="s">
        <v>93</v>
      </c>
      <c r="J1" s="381"/>
      <c r="K1" s="381"/>
    </row>
    <row r="2" spans="1:11" ht="24.75" customHeight="1">
      <c r="A2" s="389" t="s">
        <v>15</v>
      </c>
      <c r="B2" s="390"/>
      <c r="C2" s="3"/>
      <c r="D2" s="4" t="s">
        <v>16</v>
      </c>
      <c r="E2" s="4" t="s">
        <v>17</v>
      </c>
      <c r="F2" s="4" t="s">
        <v>18</v>
      </c>
      <c r="G2" s="4" t="s">
        <v>19</v>
      </c>
      <c r="H2" s="4" t="s">
        <v>20</v>
      </c>
      <c r="I2" s="5" t="s">
        <v>21</v>
      </c>
      <c r="J2" s="4" t="s">
        <v>22</v>
      </c>
      <c r="K2" s="6" t="s">
        <v>7</v>
      </c>
    </row>
    <row r="3" spans="1:11" ht="24.75" customHeight="1">
      <c r="A3" s="378"/>
      <c r="B3" s="379"/>
      <c r="C3" s="8"/>
      <c r="D3" s="14"/>
      <c r="E3" s="14"/>
      <c r="F3" s="14"/>
      <c r="G3" s="14"/>
      <c r="H3" s="14"/>
      <c r="I3" s="34"/>
      <c r="J3" s="14"/>
      <c r="K3" s="11"/>
    </row>
    <row r="4" spans="1:11" ht="24.75" customHeight="1">
      <c r="A4" s="386" t="s">
        <v>23</v>
      </c>
      <c r="B4" s="387"/>
      <c r="C4" s="8"/>
      <c r="D4" s="56"/>
      <c r="E4" s="56"/>
      <c r="F4" s="56"/>
      <c r="G4" s="56"/>
      <c r="H4" s="56"/>
      <c r="I4" s="56"/>
      <c r="J4" s="56"/>
      <c r="K4" s="57"/>
    </row>
    <row r="5" spans="1:11" ht="24.75" customHeight="1">
      <c r="A5" s="386" t="s">
        <v>24</v>
      </c>
      <c r="B5" s="387"/>
      <c r="C5" s="8"/>
      <c r="D5" s="58"/>
      <c r="E5" s="56"/>
      <c r="F5" s="56"/>
      <c r="G5" s="56"/>
      <c r="H5" s="56"/>
      <c r="I5" s="56"/>
      <c r="J5" s="56"/>
      <c r="K5" s="57"/>
    </row>
    <row r="6" spans="1:11" ht="24.75" customHeight="1">
      <c r="A6" s="386" t="s">
        <v>25</v>
      </c>
      <c r="B6" s="387"/>
      <c r="C6" s="8"/>
      <c r="D6" s="56"/>
      <c r="E6" s="56"/>
      <c r="F6" s="56"/>
      <c r="G6" s="56"/>
      <c r="H6" s="56"/>
      <c r="I6" s="56"/>
      <c r="J6" s="56"/>
      <c r="K6" s="57"/>
    </row>
    <row r="7" spans="1:11" ht="24.75" customHeight="1">
      <c r="A7" s="378"/>
      <c r="B7" s="379"/>
      <c r="C7" s="8"/>
      <c r="D7" s="56"/>
      <c r="E7" s="56"/>
      <c r="F7" s="56"/>
      <c r="G7" s="56"/>
      <c r="H7" s="56"/>
      <c r="I7" s="56"/>
      <c r="J7" s="56"/>
      <c r="K7" s="57"/>
    </row>
    <row r="8" spans="1:11" ht="24.75" customHeight="1">
      <c r="A8" s="378"/>
      <c r="B8" s="379"/>
      <c r="C8" s="8"/>
      <c r="D8" s="56"/>
      <c r="E8" s="56"/>
      <c r="F8" s="56"/>
      <c r="G8" s="56"/>
      <c r="H8" s="56"/>
      <c r="I8" s="56"/>
      <c r="J8" s="56"/>
      <c r="K8" s="57"/>
    </row>
    <row r="9" spans="1:11" ht="24.75" customHeight="1">
      <c r="A9" s="378"/>
      <c r="B9" s="379"/>
      <c r="C9" s="8"/>
      <c r="D9" s="56"/>
      <c r="E9" s="56"/>
      <c r="F9" s="56"/>
      <c r="G9" s="56"/>
      <c r="H9" s="56"/>
      <c r="I9" s="56"/>
      <c r="J9" s="56"/>
      <c r="K9" s="57"/>
    </row>
    <row r="10" spans="1:11" ht="24.75" customHeight="1">
      <c r="A10" s="378"/>
      <c r="B10" s="379"/>
      <c r="C10" s="8"/>
      <c r="D10" s="56"/>
      <c r="E10" s="56"/>
      <c r="F10" s="56"/>
      <c r="G10" s="56"/>
      <c r="H10" s="56"/>
      <c r="I10" s="56"/>
      <c r="J10" s="56"/>
      <c r="K10" s="57"/>
    </row>
    <row r="11" spans="1:11" ht="24.75" customHeight="1">
      <c r="A11" s="378"/>
      <c r="B11" s="379"/>
      <c r="C11" s="8"/>
      <c r="D11" s="56"/>
      <c r="E11" s="56"/>
      <c r="F11" s="56"/>
      <c r="G11" s="56"/>
      <c r="H11" s="56"/>
      <c r="I11" s="56"/>
      <c r="J11" s="56"/>
      <c r="K11" s="57"/>
    </row>
    <row r="12" spans="1:11" ht="24.75" customHeight="1">
      <c r="A12" s="378" t="s">
        <v>14</v>
      </c>
      <c r="B12" s="379"/>
      <c r="C12" s="8"/>
      <c r="D12" s="56"/>
      <c r="E12" s="56"/>
      <c r="F12" s="56"/>
      <c r="G12" s="56"/>
      <c r="H12" s="56"/>
      <c r="I12" s="56"/>
      <c r="J12" s="56"/>
      <c r="K12" s="57"/>
    </row>
    <row r="13" spans="1:11" ht="24.75" customHeight="1">
      <c r="A13" s="378"/>
      <c r="B13" s="379"/>
      <c r="C13" s="8"/>
      <c r="D13" s="9"/>
      <c r="E13" s="9"/>
      <c r="F13" s="9"/>
      <c r="G13" s="9"/>
      <c r="H13" s="9"/>
      <c r="I13" s="10"/>
      <c r="J13" s="9"/>
      <c r="K13" s="11"/>
    </row>
    <row r="14" spans="1:11" ht="24.75" customHeight="1">
      <c r="A14" s="386" t="s">
        <v>26</v>
      </c>
      <c r="B14" s="387"/>
      <c r="C14" s="7"/>
      <c r="D14" s="14"/>
      <c r="E14" s="30"/>
      <c r="F14" s="30"/>
      <c r="G14" s="30"/>
      <c r="H14" s="30"/>
      <c r="I14" s="30"/>
      <c r="J14" s="30"/>
      <c r="K14" s="15"/>
    </row>
    <row r="15" spans="1:11" ht="24.75" customHeight="1">
      <c r="A15" s="378"/>
      <c r="B15" s="379"/>
      <c r="C15" s="8"/>
      <c r="D15" s="9"/>
      <c r="E15" s="9"/>
      <c r="F15" s="9"/>
      <c r="G15" s="9"/>
      <c r="H15" s="9"/>
      <c r="I15" s="10"/>
      <c r="J15" s="9"/>
      <c r="K15" s="11"/>
    </row>
    <row r="16" spans="1:11" ht="24.75" customHeight="1">
      <c r="A16" s="382"/>
      <c r="B16" s="383"/>
      <c r="C16" s="16"/>
      <c r="D16" s="17"/>
      <c r="E16" s="17"/>
      <c r="F16" s="17"/>
      <c r="G16" s="17"/>
      <c r="H16" s="17"/>
      <c r="I16" s="18"/>
      <c r="J16" s="17"/>
      <c r="K16" s="29"/>
    </row>
    <row r="17" spans="1:11" ht="24.75" customHeight="1">
      <c r="A17" s="384" t="s">
        <v>27</v>
      </c>
      <c r="B17" s="385"/>
      <c r="C17" s="19"/>
      <c r="D17" s="20"/>
      <c r="E17" s="21"/>
      <c r="F17" s="32"/>
      <c r="G17" s="32"/>
      <c r="H17" s="32"/>
      <c r="I17" s="22"/>
      <c r="J17" s="21"/>
      <c r="K17" s="33"/>
    </row>
    <row r="18" spans="1:11" ht="25.5" customHeight="1">
      <c r="B18" s="26"/>
      <c r="C18" s="26"/>
      <c r="D18" s="27"/>
      <c r="E18" s="380"/>
      <c r="F18" s="380"/>
      <c r="G18" s="380"/>
      <c r="H18" s="380"/>
      <c r="I18" s="28"/>
      <c r="J18" s="26"/>
      <c r="K18" s="26"/>
    </row>
  </sheetData>
  <mergeCells count="19">
    <mergeCell ref="A12:B12"/>
    <mergeCell ref="A13:B13"/>
    <mergeCell ref="A14:B14"/>
    <mergeCell ref="A15:B15"/>
    <mergeCell ref="E18:H18"/>
    <mergeCell ref="I1:K1"/>
    <mergeCell ref="A11:B11"/>
    <mergeCell ref="A16:B16"/>
    <mergeCell ref="A17:B17"/>
    <mergeCell ref="A6:B6"/>
    <mergeCell ref="A7:B7"/>
    <mergeCell ref="A8:B8"/>
    <mergeCell ref="A9:B9"/>
    <mergeCell ref="A10:B10"/>
    <mergeCell ref="E1:H1"/>
    <mergeCell ref="A2:B2"/>
    <mergeCell ref="A3:B3"/>
    <mergeCell ref="A4:B4"/>
    <mergeCell ref="A5:B5"/>
  </mergeCells>
  <phoneticPr fontId="9"/>
  <pageMargins left="0.7" right="0.7" top="0.75" bottom="0.75" header="0.3" footer="0.3"/>
  <pageSetup paperSize="9" orientation="landscape" horizontalDpi="4294967294" r:id="rId1"/>
  <rowBreaks count="1" manualBreakCount="1">
    <brk id="17" max="12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indexed="33"/>
  </sheetPr>
  <dimension ref="A1:K18"/>
  <sheetViews>
    <sheetView view="pageBreakPreview" zoomScale="115" zoomScaleNormal="100" zoomScaleSheetLayoutView="115" workbookViewId="0">
      <selection activeCell="H11" sqref="H11"/>
    </sheetView>
  </sheetViews>
  <sheetFormatPr defaultRowHeight="12"/>
  <cols>
    <col min="1" max="2" width="16.140625" customWidth="1"/>
    <col min="3" max="3" width="9.42578125" customWidth="1"/>
    <col min="4" max="11" width="12.85546875" customWidth="1"/>
    <col min="12" max="12" width="2.28515625" customWidth="1"/>
  </cols>
  <sheetData>
    <row r="1" spans="1:11" ht="24.75" customHeight="1">
      <c r="A1" s="23" t="s">
        <v>87</v>
      </c>
      <c r="B1" s="23"/>
      <c r="C1" s="23"/>
      <c r="D1" s="24"/>
      <c r="E1" s="391" t="s">
        <v>41</v>
      </c>
      <c r="F1" s="388"/>
      <c r="G1" s="388"/>
      <c r="H1" s="388"/>
      <c r="I1" s="381" t="s">
        <v>94</v>
      </c>
      <c r="J1" s="381"/>
      <c r="K1" s="381"/>
    </row>
    <row r="2" spans="1:11" ht="24.75" customHeight="1">
      <c r="A2" s="389" t="s">
        <v>15</v>
      </c>
      <c r="B2" s="390"/>
      <c r="C2" s="3"/>
      <c r="D2" s="4" t="s">
        <v>16</v>
      </c>
      <c r="E2" s="4" t="s">
        <v>17</v>
      </c>
      <c r="F2" s="4" t="s">
        <v>18</v>
      </c>
      <c r="G2" s="4" t="s">
        <v>19</v>
      </c>
      <c r="H2" s="4" t="s">
        <v>20</v>
      </c>
      <c r="I2" s="5" t="s">
        <v>21</v>
      </c>
      <c r="J2" s="4" t="s">
        <v>22</v>
      </c>
      <c r="K2" s="6" t="s">
        <v>7</v>
      </c>
    </row>
    <row r="3" spans="1:11" ht="24.75" customHeight="1">
      <c r="A3" s="386"/>
      <c r="B3" s="387"/>
      <c r="C3" s="8"/>
      <c r="D3" s="9"/>
      <c r="E3" s="9"/>
      <c r="F3" s="9"/>
      <c r="G3" s="9"/>
      <c r="H3" s="9"/>
      <c r="I3" s="10"/>
      <c r="J3" s="9"/>
      <c r="K3" s="11"/>
    </row>
    <row r="4" spans="1:11" ht="24.75" customHeight="1">
      <c r="A4" s="386" t="s">
        <v>63</v>
      </c>
      <c r="B4" s="387"/>
      <c r="C4" s="8"/>
      <c r="D4" s="9"/>
      <c r="E4" s="9"/>
      <c r="F4" s="46"/>
      <c r="G4" s="287"/>
      <c r="H4" s="287"/>
      <c r="I4" s="31"/>
      <c r="J4" s="9"/>
      <c r="K4" s="288"/>
    </row>
    <row r="5" spans="1:11" ht="24.75" customHeight="1">
      <c r="A5" s="392"/>
      <c r="B5" s="393"/>
      <c r="C5" s="8"/>
      <c r="D5" s="12"/>
      <c r="E5" s="9"/>
      <c r="F5" s="9"/>
      <c r="G5" s="31"/>
      <c r="H5" s="31"/>
      <c r="I5" s="31"/>
      <c r="J5" s="9"/>
      <c r="K5" s="11"/>
    </row>
    <row r="6" spans="1:11" ht="24.75" customHeight="1">
      <c r="A6" s="386"/>
      <c r="B6" s="387"/>
      <c r="C6" s="8"/>
      <c r="D6" s="9"/>
      <c r="E6" s="9"/>
      <c r="F6" s="9"/>
      <c r="G6" s="31"/>
      <c r="H6" s="31"/>
      <c r="I6" s="31"/>
      <c r="J6" s="9"/>
      <c r="K6" s="11"/>
    </row>
    <row r="7" spans="1:11" ht="24.75" customHeight="1">
      <c r="A7" s="386"/>
      <c r="B7" s="387"/>
      <c r="C7" s="8"/>
      <c r="D7" s="9"/>
      <c r="E7" s="9"/>
      <c r="F7" s="9"/>
      <c r="G7" s="31"/>
      <c r="H7" s="31"/>
      <c r="I7" s="31"/>
      <c r="J7" s="9"/>
      <c r="K7" s="11"/>
    </row>
    <row r="8" spans="1:11" ht="24.75" customHeight="1">
      <c r="A8" s="386"/>
      <c r="B8" s="387"/>
      <c r="C8" s="8"/>
      <c r="D8" s="9"/>
      <c r="E8" s="9"/>
      <c r="F8" s="9"/>
      <c r="G8" s="31"/>
      <c r="H8" s="31"/>
      <c r="I8" s="31"/>
      <c r="J8" s="9"/>
      <c r="K8" s="11"/>
    </row>
    <row r="9" spans="1:11" ht="24.75" customHeight="1">
      <c r="A9" s="386"/>
      <c r="B9" s="387"/>
      <c r="C9" s="8"/>
      <c r="D9" s="9"/>
      <c r="E9" s="9"/>
      <c r="F9" s="9"/>
      <c r="G9" s="31"/>
      <c r="H9" s="31"/>
      <c r="I9" s="31"/>
      <c r="J9" s="9"/>
      <c r="K9" s="11"/>
    </row>
    <row r="10" spans="1:11" ht="24.75" customHeight="1">
      <c r="A10" s="386"/>
      <c r="B10" s="387"/>
      <c r="C10" s="8"/>
      <c r="D10" s="9"/>
      <c r="E10" s="9"/>
      <c r="F10" s="9"/>
      <c r="G10" s="31"/>
      <c r="H10" s="31"/>
      <c r="I10" s="31"/>
      <c r="J10" s="9"/>
      <c r="K10" s="11"/>
    </row>
    <row r="11" spans="1:11" ht="24.75" customHeight="1">
      <c r="A11" s="386"/>
      <c r="B11" s="387"/>
      <c r="C11" s="8"/>
      <c r="D11" s="9"/>
      <c r="E11" s="9"/>
      <c r="F11" s="9"/>
      <c r="G11" s="31"/>
      <c r="H11" s="31"/>
      <c r="I11" s="31"/>
      <c r="J11" s="9"/>
      <c r="K11" s="11"/>
    </row>
    <row r="12" spans="1:11" ht="24.75" customHeight="1">
      <c r="A12" s="378" t="s">
        <v>14</v>
      </c>
      <c r="B12" s="379"/>
      <c r="C12" s="8"/>
      <c r="D12" s="9"/>
      <c r="E12" s="9"/>
      <c r="F12" s="31"/>
      <c r="G12" s="287"/>
      <c r="H12" s="287"/>
      <c r="I12" s="31"/>
      <c r="J12" s="13"/>
      <c r="K12" s="288"/>
    </row>
    <row r="13" spans="1:11" ht="24.75" customHeight="1">
      <c r="A13" s="378"/>
      <c r="B13" s="379"/>
      <c r="C13" s="8"/>
      <c r="D13" s="9"/>
      <c r="E13" s="9"/>
      <c r="F13" s="9"/>
      <c r="G13" s="9"/>
      <c r="H13" s="9"/>
      <c r="I13" s="10"/>
      <c r="J13" s="9"/>
      <c r="K13" s="11"/>
    </row>
    <row r="14" spans="1:11" ht="24.75" customHeight="1">
      <c r="A14" s="386" t="s">
        <v>26</v>
      </c>
      <c r="B14" s="387"/>
      <c r="C14" s="7"/>
      <c r="D14" s="14"/>
      <c r="E14" s="30"/>
      <c r="F14" s="30"/>
      <c r="G14" s="30"/>
      <c r="H14" s="30"/>
      <c r="I14" s="30"/>
      <c r="J14" s="30"/>
      <c r="K14" s="15"/>
    </row>
    <row r="15" spans="1:11" ht="24.75" customHeight="1">
      <c r="A15" s="378"/>
      <c r="B15" s="379"/>
      <c r="C15" s="8"/>
      <c r="D15" s="9"/>
      <c r="E15" s="9"/>
      <c r="F15" s="9"/>
      <c r="G15" s="9"/>
      <c r="H15" s="9"/>
      <c r="I15" s="10"/>
      <c r="J15" s="9"/>
      <c r="K15" s="11"/>
    </row>
    <row r="16" spans="1:11" ht="24.75" customHeight="1">
      <c r="A16" s="382"/>
      <c r="B16" s="383"/>
      <c r="C16" s="16"/>
      <c r="D16" s="17"/>
      <c r="E16" s="17"/>
      <c r="F16" s="17"/>
      <c r="G16" s="17"/>
      <c r="H16" s="17"/>
      <c r="I16" s="18"/>
      <c r="J16" s="17"/>
      <c r="K16" s="29"/>
    </row>
    <row r="17" spans="1:11" ht="24.75" customHeight="1">
      <c r="A17" s="384" t="s">
        <v>27</v>
      </c>
      <c r="B17" s="385"/>
      <c r="C17" s="19"/>
      <c r="D17" s="20"/>
      <c r="E17" s="21"/>
      <c r="F17" s="32"/>
      <c r="G17" s="32"/>
      <c r="H17" s="32"/>
      <c r="I17" s="22"/>
      <c r="J17" s="21"/>
      <c r="K17" s="33"/>
    </row>
    <row r="18" spans="1:11" ht="25.5" customHeight="1">
      <c r="D18" s="1"/>
      <c r="E18" s="394"/>
      <c r="F18" s="394"/>
      <c r="G18" s="394"/>
      <c r="H18" s="394"/>
      <c r="I18" s="2"/>
    </row>
  </sheetData>
  <mergeCells count="19">
    <mergeCell ref="E18:H18"/>
    <mergeCell ref="A7:B7"/>
    <mergeCell ref="A8:B8"/>
    <mergeCell ref="A9:B9"/>
    <mergeCell ref="A10:B10"/>
    <mergeCell ref="A11:B11"/>
    <mergeCell ref="A16:B16"/>
    <mergeCell ref="A17:B17"/>
    <mergeCell ref="A12:B12"/>
    <mergeCell ref="A6:B6"/>
    <mergeCell ref="A13:B13"/>
    <mergeCell ref="A14:B14"/>
    <mergeCell ref="A15:B15"/>
    <mergeCell ref="A2:B2"/>
    <mergeCell ref="I1:K1"/>
    <mergeCell ref="E1:H1"/>
    <mergeCell ref="A3:B3"/>
    <mergeCell ref="A4:B4"/>
    <mergeCell ref="A5:B5"/>
  </mergeCells>
  <phoneticPr fontId="9"/>
  <pageMargins left="0.7" right="0.7" top="0.75" bottom="0.75" header="0.3" footer="0.3"/>
  <pageSetup paperSize="9" orientation="landscape" horizontalDpi="4294967294" r:id="rId1"/>
  <rowBreaks count="1" manualBreakCount="1">
    <brk id="17" max="12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36BE78-809A-4582-A002-F4E4828CBF07}">
  <sheetPr>
    <tabColor rgb="FFFF00FF"/>
    <pageSetUpPr fitToPage="1"/>
  </sheetPr>
  <dimension ref="A1:I37"/>
  <sheetViews>
    <sheetView view="pageBreakPreview" zoomScaleNormal="40" zoomScaleSheetLayoutView="100" workbookViewId="0">
      <selection activeCell="E21" sqref="E21"/>
    </sheetView>
  </sheetViews>
  <sheetFormatPr defaultColWidth="10.28515625" defaultRowHeight="11.25"/>
  <cols>
    <col min="1" max="1" width="14.140625" style="82" bestFit="1" customWidth="1"/>
    <col min="2" max="2" width="20.42578125" style="82" customWidth="1"/>
    <col min="3" max="3" width="22.85546875" style="82" bestFit="1" customWidth="1"/>
    <col min="4" max="4" width="20" style="82" customWidth="1"/>
    <col min="5" max="5" width="7.5703125" style="82" bestFit="1" customWidth="1"/>
    <col min="6" max="6" width="10.5703125" style="83" customWidth="1"/>
    <col min="7" max="7" width="13.85546875" style="82" customWidth="1"/>
    <col min="8" max="8" width="13.85546875" style="84" customWidth="1"/>
    <col min="9" max="9" width="26.7109375" style="82" customWidth="1"/>
    <col min="10" max="16384" width="10.28515625" style="82"/>
  </cols>
  <sheetData>
    <row r="1" spans="1:9" s="81" customFormat="1" ht="32.25" customHeight="1">
      <c r="A1" s="77" t="s">
        <v>0</v>
      </c>
      <c r="B1" s="78" t="s">
        <v>1</v>
      </c>
      <c r="C1" s="78" t="s">
        <v>2</v>
      </c>
      <c r="D1" s="78" t="s">
        <v>3</v>
      </c>
      <c r="E1" s="78" t="s">
        <v>4</v>
      </c>
      <c r="F1" s="78" t="s">
        <v>5</v>
      </c>
      <c r="G1" s="78" t="s">
        <v>80</v>
      </c>
      <c r="H1" s="79" t="s">
        <v>65</v>
      </c>
      <c r="I1" s="80" t="s">
        <v>6</v>
      </c>
    </row>
    <row r="2" spans="1:9" s="81" customFormat="1" ht="13.5" customHeight="1">
      <c r="A2" s="238"/>
      <c r="B2" s="239"/>
      <c r="C2" s="239"/>
      <c r="D2" s="239"/>
      <c r="E2" s="240"/>
      <c r="F2" s="241"/>
      <c r="G2" s="242"/>
      <c r="H2" s="243"/>
      <c r="I2" s="244"/>
    </row>
    <row r="3" spans="1:9" s="81" customFormat="1" ht="13.5" customHeight="1">
      <c r="A3" s="245"/>
      <c r="B3" s="246"/>
      <c r="C3" s="246"/>
      <c r="D3" s="246"/>
      <c r="E3" s="247"/>
      <c r="F3" s="248"/>
      <c r="G3" s="249"/>
      <c r="H3" s="250"/>
      <c r="I3" s="251"/>
    </row>
    <row r="4" spans="1:9" ht="13.5" customHeight="1">
      <c r="A4" s="252" t="s">
        <v>109</v>
      </c>
      <c r="B4" s="253" t="s">
        <v>100</v>
      </c>
      <c r="C4" s="253"/>
      <c r="D4" s="253"/>
      <c r="E4" s="254"/>
      <c r="F4" s="255"/>
      <c r="G4" s="256"/>
      <c r="H4" s="257"/>
      <c r="I4" s="258"/>
    </row>
    <row r="5" spans="1:9" s="81" customFormat="1" ht="13.5" customHeight="1">
      <c r="A5" s="259"/>
      <c r="B5" s="239"/>
      <c r="C5" s="239"/>
      <c r="D5" s="239"/>
      <c r="E5" s="240"/>
      <c r="F5" s="241"/>
      <c r="G5" s="242"/>
      <c r="H5" s="243"/>
      <c r="I5" s="244"/>
    </row>
    <row r="6" spans="1:9" s="81" customFormat="1" ht="13.5" customHeight="1">
      <c r="A6" s="260"/>
      <c r="B6" s="246"/>
      <c r="C6" s="246"/>
      <c r="D6" s="246"/>
      <c r="E6" s="247"/>
      <c r="F6" s="248"/>
      <c r="G6" s="249"/>
      <c r="H6" s="250"/>
      <c r="I6" s="251"/>
    </row>
    <row r="7" spans="1:9" ht="13.5" customHeight="1">
      <c r="A7" s="261"/>
      <c r="B7" s="253"/>
      <c r="C7" s="253" t="s">
        <v>101</v>
      </c>
      <c r="D7" s="253" t="s">
        <v>102</v>
      </c>
      <c r="E7" s="254" t="s">
        <v>107</v>
      </c>
      <c r="F7" s="255">
        <v>4</v>
      </c>
      <c r="G7" s="262"/>
      <c r="H7" s="263"/>
      <c r="I7" s="264"/>
    </row>
    <row r="8" spans="1:9" s="81" customFormat="1" ht="13.5" customHeight="1">
      <c r="A8" s="238"/>
      <c r="B8" s="239"/>
      <c r="C8" s="239"/>
      <c r="D8" s="239"/>
      <c r="E8" s="240"/>
      <c r="F8" s="241"/>
      <c r="G8" s="242"/>
      <c r="H8" s="243"/>
      <c r="I8" s="244"/>
    </row>
    <row r="9" spans="1:9" s="81" customFormat="1" ht="13.5" customHeight="1">
      <c r="A9" s="245"/>
      <c r="B9" s="246"/>
      <c r="C9" s="246"/>
      <c r="D9" s="246"/>
      <c r="E9" s="247"/>
      <c r="F9" s="248"/>
      <c r="G9" s="249"/>
      <c r="H9" s="250"/>
      <c r="I9" s="251"/>
    </row>
    <row r="10" spans="1:9" ht="13.5" customHeight="1">
      <c r="A10" s="261"/>
      <c r="B10" s="253"/>
      <c r="C10" s="253" t="s">
        <v>103</v>
      </c>
      <c r="D10" s="253"/>
      <c r="E10" s="254" t="s">
        <v>107</v>
      </c>
      <c r="F10" s="255">
        <v>4</v>
      </c>
      <c r="G10" s="262"/>
      <c r="H10" s="263"/>
      <c r="I10" s="264"/>
    </row>
    <row r="11" spans="1:9" ht="13.5" customHeight="1">
      <c r="A11" s="238"/>
      <c r="B11" s="239"/>
      <c r="C11" s="239"/>
      <c r="D11" s="239"/>
      <c r="E11" s="240"/>
      <c r="F11" s="241"/>
      <c r="G11" s="242"/>
      <c r="H11" s="243"/>
      <c r="I11" s="244"/>
    </row>
    <row r="12" spans="1:9" ht="13.5" customHeight="1">
      <c r="A12" s="245"/>
      <c r="B12" s="246"/>
      <c r="C12" s="246"/>
      <c r="D12" s="246"/>
      <c r="E12" s="247"/>
      <c r="F12" s="248"/>
      <c r="G12" s="249"/>
      <c r="H12" s="250"/>
      <c r="I12" s="251"/>
    </row>
    <row r="13" spans="1:9" ht="13.5" customHeight="1">
      <c r="A13" s="261"/>
      <c r="B13" s="253"/>
      <c r="C13" s="253" t="s">
        <v>104</v>
      </c>
      <c r="D13" s="253"/>
      <c r="E13" s="254" t="s">
        <v>107</v>
      </c>
      <c r="F13" s="255">
        <v>4</v>
      </c>
      <c r="G13" s="262"/>
      <c r="H13" s="263"/>
      <c r="I13" s="264"/>
    </row>
    <row r="14" spans="1:9" s="81" customFormat="1" ht="13.5" customHeight="1">
      <c r="A14" s="238"/>
      <c r="B14" s="239"/>
      <c r="C14" s="239"/>
      <c r="D14" s="239"/>
      <c r="E14" s="240"/>
      <c r="F14" s="241"/>
      <c r="G14" s="242"/>
      <c r="H14" s="243"/>
      <c r="I14" s="244"/>
    </row>
    <row r="15" spans="1:9" s="81" customFormat="1" ht="13.5" customHeight="1">
      <c r="A15" s="245"/>
      <c r="B15" s="246"/>
      <c r="C15" s="246"/>
      <c r="D15" s="246"/>
      <c r="E15" s="247"/>
      <c r="F15" s="248"/>
      <c r="G15" s="249"/>
      <c r="H15" s="250"/>
      <c r="I15" s="269"/>
    </row>
    <row r="16" spans="1:9" ht="13.5" customHeight="1">
      <c r="A16" s="261"/>
      <c r="B16" s="253"/>
      <c r="C16" s="253" t="s">
        <v>105</v>
      </c>
      <c r="D16" s="253"/>
      <c r="E16" s="254" t="s">
        <v>108</v>
      </c>
      <c r="F16" s="255">
        <v>4</v>
      </c>
      <c r="G16" s="262"/>
      <c r="H16" s="263"/>
      <c r="I16" s="264"/>
    </row>
    <row r="17" spans="1:9" ht="13.5" customHeight="1">
      <c r="A17" s="238"/>
      <c r="B17" s="239"/>
      <c r="C17" s="239"/>
      <c r="D17" s="239"/>
      <c r="E17" s="240"/>
      <c r="F17" s="241"/>
      <c r="G17" s="242"/>
      <c r="H17" s="265"/>
      <c r="I17" s="244"/>
    </row>
    <row r="18" spans="1:9" ht="13.5" customHeight="1">
      <c r="A18" s="245"/>
      <c r="B18" s="246"/>
      <c r="C18" s="246"/>
      <c r="D18" s="246"/>
      <c r="E18" s="247"/>
      <c r="F18" s="248"/>
      <c r="G18" s="249"/>
      <c r="H18" s="266"/>
      <c r="I18" s="251"/>
    </row>
    <row r="19" spans="1:9" ht="13.5" customHeight="1">
      <c r="A19" s="268"/>
      <c r="B19" s="253"/>
      <c r="C19" s="253" t="s">
        <v>106</v>
      </c>
      <c r="D19" s="253"/>
      <c r="E19" s="254" t="s">
        <v>40</v>
      </c>
      <c r="F19" s="255">
        <v>1</v>
      </c>
      <c r="G19" s="284"/>
      <c r="H19" s="267"/>
      <c r="I19" s="264"/>
    </row>
    <row r="20" spans="1:9" s="81" customFormat="1" ht="13.5" customHeight="1">
      <c r="A20" s="238"/>
      <c r="B20" s="239"/>
      <c r="C20" s="239"/>
      <c r="D20" s="239"/>
      <c r="E20" s="240"/>
      <c r="F20" s="241"/>
      <c r="G20" s="242"/>
      <c r="H20" s="265"/>
      <c r="I20" s="244"/>
    </row>
    <row r="21" spans="1:9" s="81" customFormat="1" ht="13.5" customHeight="1">
      <c r="A21" s="245"/>
      <c r="B21" s="246"/>
      <c r="C21" s="246"/>
      <c r="D21" s="246"/>
      <c r="E21" s="247"/>
      <c r="F21" s="248"/>
      <c r="G21" s="249"/>
      <c r="H21" s="266"/>
      <c r="I21" s="269"/>
    </row>
    <row r="22" spans="1:9" ht="13.5" customHeight="1">
      <c r="A22" s="261"/>
      <c r="B22" s="253"/>
      <c r="C22" s="253"/>
      <c r="D22" s="253"/>
      <c r="E22" s="254"/>
      <c r="F22" s="255"/>
      <c r="G22" s="256"/>
      <c r="H22" s="257"/>
      <c r="I22" s="264"/>
    </row>
    <row r="23" spans="1:9" s="81" customFormat="1" ht="13.5" customHeight="1">
      <c r="A23" s="238"/>
      <c r="B23" s="239"/>
      <c r="C23" s="239"/>
      <c r="D23" s="239"/>
      <c r="E23" s="240"/>
      <c r="F23" s="241"/>
      <c r="G23" s="242"/>
      <c r="H23" s="265"/>
      <c r="I23" s="244"/>
    </row>
    <row r="24" spans="1:9" s="81" customFormat="1" ht="13.5" customHeight="1">
      <c r="A24" s="245"/>
      <c r="B24" s="246"/>
      <c r="C24" s="246"/>
      <c r="D24" s="246"/>
      <c r="E24" s="247"/>
      <c r="F24" s="248"/>
      <c r="G24" s="249"/>
      <c r="H24" s="266"/>
      <c r="I24" s="251"/>
    </row>
    <row r="25" spans="1:9" ht="13.5" customHeight="1">
      <c r="A25" s="261"/>
      <c r="B25" s="253"/>
      <c r="C25" s="253"/>
      <c r="D25" s="253"/>
      <c r="E25" s="254"/>
      <c r="F25" s="255"/>
      <c r="G25" s="256"/>
      <c r="H25" s="267"/>
      <c r="I25" s="264"/>
    </row>
    <row r="26" spans="1:9" ht="13.5" customHeight="1">
      <c r="A26" s="238"/>
      <c r="B26" s="239"/>
      <c r="C26" s="239"/>
      <c r="D26" s="239"/>
      <c r="E26" s="240"/>
      <c r="F26" s="241"/>
      <c r="G26" s="242"/>
      <c r="H26" s="265"/>
      <c r="I26" s="244"/>
    </row>
    <row r="27" spans="1:9" ht="13.5" customHeight="1">
      <c r="A27" s="245"/>
      <c r="B27" s="246"/>
      <c r="C27" s="246"/>
      <c r="D27" s="246"/>
      <c r="E27" s="247"/>
      <c r="F27" s="248"/>
      <c r="G27" s="249"/>
      <c r="H27" s="266"/>
      <c r="I27" s="269"/>
    </row>
    <row r="28" spans="1:9" ht="13.5" customHeight="1">
      <c r="A28" s="261"/>
      <c r="B28" s="253" t="s">
        <v>89</v>
      </c>
      <c r="D28" s="253"/>
      <c r="E28" s="254"/>
      <c r="F28" s="255"/>
      <c r="G28" s="256"/>
      <c r="H28" s="257"/>
      <c r="I28" s="270"/>
    </row>
    <row r="29" spans="1:9" s="81" customFormat="1" ht="13.5" customHeight="1">
      <c r="A29" s="271"/>
      <c r="B29" s="239"/>
      <c r="C29" s="239"/>
      <c r="D29" s="239"/>
      <c r="E29" s="240"/>
      <c r="F29" s="241"/>
      <c r="G29" s="242"/>
      <c r="H29" s="265"/>
      <c r="I29" s="244"/>
    </row>
    <row r="30" spans="1:9" s="81" customFormat="1" ht="13.5" customHeight="1">
      <c r="A30" s="271"/>
      <c r="B30" s="246"/>
      <c r="C30" s="246"/>
      <c r="D30" s="246"/>
      <c r="E30" s="247"/>
      <c r="F30" s="248"/>
      <c r="G30" s="249"/>
      <c r="H30" s="266"/>
      <c r="I30" s="251"/>
    </row>
    <row r="31" spans="1:9" ht="13.5" customHeight="1">
      <c r="A31" s="272"/>
      <c r="B31" s="253"/>
      <c r="C31" s="253"/>
      <c r="D31" s="253"/>
      <c r="E31" s="254"/>
      <c r="F31" s="255"/>
      <c r="G31" s="256"/>
      <c r="H31" s="267"/>
      <c r="I31" s="264"/>
    </row>
    <row r="32" spans="1:9" s="81" customFormat="1" ht="13.5" customHeight="1">
      <c r="A32" s="238"/>
      <c r="B32" s="239"/>
      <c r="C32" s="239"/>
      <c r="D32" s="239"/>
      <c r="E32" s="240"/>
      <c r="F32" s="241"/>
      <c r="G32" s="242"/>
      <c r="H32" s="265"/>
      <c r="I32" s="244"/>
    </row>
    <row r="33" spans="1:9" s="81" customFormat="1" ht="13.5" customHeight="1">
      <c r="A33" s="245"/>
      <c r="B33" s="246"/>
      <c r="C33" s="246"/>
      <c r="D33" s="246"/>
      <c r="E33" s="247"/>
      <c r="F33" s="248"/>
      <c r="G33" s="249"/>
      <c r="H33" s="266"/>
      <c r="I33" s="269"/>
    </row>
    <row r="34" spans="1:9" ht="13.5" customHeight="1">
      <c r="A34" s="261"/>
      <c r="B34" s="253"/>
      <c r="D34" s="253"/>
      <c r="E34" s="254"/>
      <c r="F34" s="255"/>
      <c r="G34" s="256"/>
      <c r="H34" s="257"/>
      <c r="I34" s="270"/>
    </row>
    <row r="35" spans="1:9" s="81" customFormat="1" ht="13.5" customHeight="1">
      <c r="A35" s="238"/>
      <c r="B35" s="239"/>
      <c r="C35" s="239"/>
      <c r="D35" s="239"/>
      <c r="E35" s="240"/>
      <c r="F35" s="241"/>
      <c r="G35" s="242"/>
      <c r="H35" s="243"/>
      <c r="I35" s="251"/>
    </row>
    <row r="36" spans="1:9" s="81" customFormat="1" ht="13.5" customHeight="1">
      <c r="A36" s="245"/>
      <c r="B36" s="246"/>
      <c r="C36" s="246"/>
      <c r="D36" s="246"/>
      <c r="E36" s="247"/>
      <c r="F36" s="248"/>
      <c r="G36" s="249"/>
      <c r="H36" s="250"/>
      <c r="I36" s="273"/>
    </row>
    <row r="37" spans="1:9" ht="13.5" customHeight="1">
      <c r="A37" s="275"/>
      <c r="B37" s="276"/>
      <c r="C37" s="276"/>
      <c r="D37" s="276"/>
      <c r="E37" s="277"/>
      <c r="F37" s="278"/>
      <c r="G37" s="279"/>
      <c r="H37" s="290"/>
      <c r="I37" s="291"/>
    </row>
  </sheetData>
  <phoneticPr fontId="10"/>
  <pageMargins left="0.7" right="0.7" top="0.75" bottom="0.75" header="0.3" footer="0.3"/>
  <pageSetup paperSize="9" scale="97" fitToHeight="0" orientation="landscape" horizontalDpi="4294967294" verticalDpi="1200" r:id="rId1"/>
  <colBreaks count="1" manualBreakCount="1">
    <brk id="9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indexed="33"/>
  </sheetPr>
  <dimension ref="A1:L21"/>
  <sheetViews>
    <sheetView view="pageBreakPreview" zoomScaleNormal="100" zoomScaleSheetLayoutView="100" workbookViewId="0">
      <selection activeCell="H14" sqref="H14"/>
    </sheetView>
  </sheetViews>
  <sheetFormatPr defaultRowHeight="12"/>
  <cols>
    <col min="1" max="2" width="16.140625" customWidth="1"/>
    <col min="3" max="3" width="9.42578125" customWidth="1"/>
    <col min="4" max="10" width="12.85546875" customWidth="1"/>
    <col min="11" max="11" width="2.28515625" customWidth="1"/>
  </cols>
  <sheetData>
    <row r="1" spans="1:12" ht="24.75" customHeight="1">
      <c r="A1" s="23" t="s">
        <v>96</v>
      </c>
      <c r="B1" s="23"/>
      <c r="C1" s="23"/>
      <c r="D1" s="391" t="s">
        <v>90</v>
      </c>
      <c r="E1" s="388"/>
      <c r="F1" s="388"/>
      <c r="G1" s="388"/>
      <c r="H1" s="25"/>
      <c r="I1" s="23"/>
      <c r="J1" s="60"/>
    </row>
    <row r="2" spans="1:12" ht="24.75" customHeight="1">
      <c r="A2" s="389" t="s">
        <v>15</v>
      </c>
      <c r="B2" s="390"/>
      <c r="C2" s="3" t="s">
        <v>37</v>
      </c>
      <c r="D2" s="4" t="s">
        <v>17</v>
      </c>
      <c r="E2" s="4" t="s">
        <v>18</v>
      </c>
      <c r="F2" s="4" t="s">
        <v>19</v>
      </c>
      <c r="G2" s="4" t="s">
        <v>20</v>
      </c>
      <c r="H2" s="5" t="s">
        <v>21</v>
      </c>
      <c r="I2" s="4" t="s">
        <v>22</v>
      </c>
      <c r="J2" s="6" t="s">
        <v>7</v>
      </c>
    </row>
    <row r="3" spans="1:12" ht="24.75" customHeight="1">
      <c r="A3" s="386" t="s">
        <v>97</v>
      </c>
      <c r="B3" s="387"/>
      <c r="C3" s="8"/>
      <c r="D3" s="9"/>
      <c r="E3" s="9"/>
      <c r="F3" s="9"/>
      <c r="G3" s="9"/>
      <c r="H3" s="10"/>
      <c r="I3" s="9"/>
      <c r="J3" s="11"/>
      <c r="L3" s="296"/>
    </row>
    <row r="4" spans="1:12" ht="13.5" customHeight="1">
      <c r="A4" s="395" t="s">
        <v>98</v>
      </c>
      <c r="B4" s="396"/>
      <c r="C4" s="8"/>
      <c r="D4" s="49"/>
      <c r="E4" s="49"/>
      <c r="F4" s="49"/>
      <c r="G4" s="49"/>
      <c r="H4" s="49"/>
      <c r="I4" s="49"/>
      <c r="J4" s="48"/>
      <c r="L4" s="296"/>
    </row>
    <row r="5" spans="1:12" ht="13.5" customHeight="1">
      <c r="A5" s="397"/>
      <c r="B5" s="398"/>
      <c r="C5" s="35"/>
      <c r="D5" s="50"/>
      <c r="E5" s="50"/>
      <c r="F5" s="50"/>
      <c r="G5" s="50"/>
      <c r="H5" s="50"/>
      <c r="I5" s="50"/>
      <c r="J5" s="51"/>
    </row>
    <row r="6" spans="1:12" ht="13.5" customHeight="1">
      <c r="A6" s="395"/>
      <c r="B6" s="396"/>
      <c r="C6" s="35"/>
      <c r="D6" s="49"/>
      <c r="E6" s="49"/>
      <c r="F6" s="49"/>
      <c r="G6" s="49"/>
      <c r="H6" s="49"/>
      <c r="I6" s="49"/>
      <c r="J6" s="48"/>
      <c r="L6" s="296"/>
    </row>
    <row r="7" spans="1:12" ht="13.5" customHeight="1">
      <c r="A7" s="397"/>
      <c r="B7" s="398"/>
      <c r="C7" s="35"/>
      <c r="D7" s="50"/>
      <c r="E7" s="50"/>
      <c r="F7" s="50"/>
      <c r="G7" s="50"/>
      <c r="H7" s="50"/>
      <c r="I7" s="50"/>
      <c r="J7" s="51"/>
    </row>
    <row r="8" spans="1:12" ht="13.5" customHeight="1">
      <c r="A8" s="395"/>
      <c r="B8" s="396"/>
      <c r="C8" s="35"/>
      <c r="D8" s="49"/>
      <c r="E8" s="49"/>
      <c r="F8" s="49"/>
      <c r="G8" s="49"/>
      <c r="H8" s="49"/>
      <c r="I8" s="49"/>
      <c r="J8" s="41"/>
      <c r="L8" s="296"/>
    </row>
    <row r="9" spans="1:12" ht="13.5" customHeight="1">
      <c r="A9" s="397"/>
      <c r="B9" s="398"/>
      <c r="C9" s="35"/>
      <c r="D9" s="50"/>
      <c r="E9" s="50"/>
      <c r="F9" s="50"/>
      <c r="G9" s="50"/>
      <c r="H9" s="50"/>
      <c r="I9" s="50"/>
      <c r="J9" s="53"/>
    </row>
    <row r="10" spans="1:12" ht="13.5" customHeight="1">
      <c r="A10" s="395"/>
      <c r="B10" s="396"/>
      <c r="C10" s="295"/>
      <c r="D10" s="297"/>
      <c r="E10" s="297"/>
      <c r="F10" s="297"/>
      <c r="G10" s="297"/>
      <c r="H10" s="297"/>
      <c r="I10" s="297"/>
      <c r="J10" s="298"/>
    </row>
    <row r="11" spans="1:12" ht="13.5" customHeight="1">
      <c r="A11" s="397"/>
      <c r="B11" s="398"/>
      <c r="C11" s="292"/>
      <c r="D11" s="293"/>
      <c r="E11" s="293"/>
      <c r="F11" s="293"/>
      <c r="G11" s="293"/>
      <c r="H11" s="293"/>
      <c r="I11" s="293"/>
      <c r="J11" s="294"/>
    </row>
    <row r="12" spans="1:12" ht="24.75" customHeight="1">
      <c r="A12" s="399"/>
      <c r="B12" s="400"/>
      <c r="C12" s="35"/>
      <c r="D12" s="37"/>
      <c r="E12" s="37"/>
      <c r="F12" s="37"/>
      <c r="G12" s="37"/>
      <c r="H12" s="37"/>
      <c r="I12" s="37"/>
      <c r="J12" s="40"/>
    </row>
    <row r="13" spans="1:12" ht="24.75" customHeight="1">
      <c r="A13" s="395"/>
      <c r="B13" s="396"/>
      <c r="C13" s="35"/>
      <c r="D13" s="37"/>
      <c r="E13" s="37"/>
      <c r="F13" s="37"/>
      <c r="G13" s="37"/>
      <c r="H13" s="37"/>
      <c r="I13" s="37"/>
      <c r="J13" s="40"/>
    </row>
    <row r="14" spans="1:12" ht="24.75" customHeight="1">
      <c r="A14" s="395"/>
      <c r="B14" s="396"/>
      <c r="C14" s="36"/>
      <c r="D14" s="37"/>
      <c r="E14" s="37"/>
      <c r="F14" s="37"/>
      <c r="G14" s="37"/>
      <c r="H14" s="37"/>
      <c r="I14" s="37"/>
      <c r="J14" s="40"/>
    </row>
    <row r="15" spans="1:12" ht="24.75" customHeight="1">
      <c r="A15" s="378" t="s">
        <v>38</v>
      </c>
      <c r="B15" s="379"/>
      <c r="C15" s="36"/>
      <c r="D15" s="47"/>
      <c r="E15" s="47"/>
      <c r="F15" s="47"/>
      <c r="G15" s="47"/>
      <c r="H15" s="47"/>
      <c r="I15" s="47"/>
      <c r="J15" s="52"/>
    </row>
    <row r="16" spans="1:12" ht="24.75" customHeight="1">
      <c r="A16" s="289" t="s">
        <v>39</v>
      </c>
      <c r="B16" s="43" t="s">
        <v>91</v>
      </c>
      <c r="C16" s="44"/>
      <c r="D16" s="45"/>
      <c r="E16" s="45"/>
      <c r="F16" s="45"/>
      <c r="G16" s="45"/>
      <c r="H16" s="45"/>
      <c r="I16" s="45"/>
      <c r="J16" s="51"/>
    </row>
    <row r="17" spans="1:10" ht="24.75" customHeight="1">
      <c r="A17" s="59" t="s">
        <v>111</v>
      </c>
      <c r="B17" s="43"/>
      <c r="C17" s="44"/>
      <c r="D17" s="45"/>
      <c r="E17" s="45"/>
      <c r="F17" s="45"/>
      <c r="G17" s="45"/>
      <c r="H17" s="45"/>
      <c r="I17" s="45"/>
      <c r="J17" s="53"/>
    </row>
    <row r="18" spans="1:10" ht="24.75" customHeight="1">
      <c r="A18" s="386" t="s">
        <v>26</v>
      </c>
      <c r="B18" s="387"/>
      <c r="C18" s="7"/>
      <c r="D18" s="54"/>
      <c r="E18" s="54"/>
      <c r="F18" s="54"/>
      <c r="G18" s="54"/>
      <c r="H18" s="54"/>
      <c r="I18" s="54"/>
      <c r="J18" s="55"/>
    </row>
    <row r="19" spans="1:10" ht="24.75" customHeight="1">
      <c r="A19" s="382"/>
      <c r="B19" s="383"/>
      <c r="C19" s="16"/>
      <c r="D19" s="38"/>
      <c r="E19" s="38"/>
      <c r="F19" s="38"/>
      <c r="G19" s="38"/>
      <c r="H19" s="38"/>
      <c r="I19" s="38"/>
      <c r="J19" s="42"/>
    </row>
    <row r="20" spans="1:10" ht="24.75" customHeight="1">
      <c r="A20" s="384" t="s">
        <v>27</v>
      </c>
      <c r="B20" s="385"/>
      <c r="C20" s="19"/>
      <c r="D20" s="39"/>
      <c r="E20" s="39"/>
      <c r="F20" s="39"/>
      <c r="G20" s="39"/>
      <c r="H20" s="39"/>
      <c r="I20" s="39"/>
      <c r="J20" s="33"/>
    </row>
    <row r="21" spans="1:10" ht="25.5" customHeight="1">
      <c r="A21" s="61"/>
      <c r="D21" s="394"/>
      <c r="E21" s="394"/>
      <c r="F21" s="394"/>
      <c r="G21" s="394"/>
      <c r="H21" s="2"/>
    </row>
  </sheetData>
  <mergeCells count="15">
    <mergeCell ref="D1:G1"/>
    <mergeCell ref="A2:B2"/>
    <mergeCell ref="A3:B3"/>
    <mergeCell ref="A4:B5"/>
    <mergeCell ref="A6:B7"/>
    <mergeCell ref="A8:B9"/>
    <mergeCell ref="A10:B11"/>
    <mergeCell ref="A12:B12"/>
    <mergeCell ref="A13:B13"/>
    <mergeCell ref="A14:B14"/>
    <mergeCell ref="D21:G21"/>
    <mergeCell ref="A15:B15"/>
    <mergeCell ref="A18:B18"/>
    <mergeCell ref="A19:B19"/>
    <mergeCell ref="A20:B20"/>
  </mergeCells>
  <phoneticPr fontId="10"/>
  <pageMargins left="0.70866141732283472" right="0.70866141732283472" top="0.74803149606299213" bottom="0.74803149606299213" header="0.31496062992125984" footer="0.31496062992125984"/>
  <pageSetup paperSize="9" scale="110" orientation="landscape" horizontalDpi="4294967294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表紙</vt:lpstr>
      <vt:lpstr>内訳書（設計業務）</vt:lpstr>
      <vt:lpstr>内訳書</vt:lpstr>
      <vt:lpstr>明細書（設計協議）</vt:lpstr>
      <vt:lpstr>明細書（現場調査）</vt:lpstr>
      <vt:lpstr>明細書</vt:lpstr>
      <vt:lpstr>配水池設計</vt:lpstr>
      <vt:lpstr>内訳書!Print_Area</vt:lpstr>
      <vt:lpstr>'内訳書（設計業務）'!Print_Area</vt:lpstr>
      <vt:lpstr>配水池設計!Print_Area</vt:lpstr>
      <vt:lpstr>表紙!Print_Area</vt:lpstr>
      <vt:lpstr>明細書!Print_Area</vt:lpstr>
      <vt:lpstr>'明細書（現場調査）'!Print_Area</vt:lpstr>
      <vt:lpstr>'明細書（設計協議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6-04-30T05:15:05Z</cp:lastPrinted>
  <dcterms:created xsi:type="dcterms:W3CDTF">1997-04-16T05:09:44Z</dcterms:created>
  <dcterms:modified xsi:type="dcterms:W3CDTF">2026-05-22T09:50:34Z</dcterms:modified>
</cp:coreProperties>
</file>